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2103\03_決算国費G\K 決算関係（R3）\K01 決算・決特（R3）\23 HP公開\各担当者より\アップロード用\"/>
    </mc:Choice>
  </mc:AlternateContent>
  <bookViews>
    <workbookView xWindow="0" yWindow="0" windowWidth="20496" windowHeight="7764" tabRatio="761"/>
  </bookViews>
  <sheets>
    <sheet name="市町村自治振興事業会計" sheetId="2" r:id="rId1"/>
    <sheet name="公債管理特別会計" sheetId="3" r:id="rId2"/>
    <sheet name="公営競技収益配分金等管理会計" sheetId="4" r:id="rId3"/>
    <sheet name="地方消費税清算会計" sheetId="5" r:id="rId4"/>
    <sheet name="災害救助基金会計" sheetId="6" r:id="rId5"/>
    <sheet name="農業改良資金会計" sheetId="7" state="hidden" r:id="rId6"/>
    <sheet name="恩賜記念林業振興資金会計" sheetId="8" r:id="rId7"/>
    <sheet name="林業改善資金会計" sheetId="9" r:id="rId8"/>
    <sheet name="水源環境保全・再生事業会計" sheetId="10" r:id="rId9"/>
    <sheet name="沿岸漁業改善資金会計" sheetId="11" r:id="rId10"/>
    <sheet name="介護保険財政安定化基金会計" sheetId="12" r:id="rId11"/>
    <sheet name="母子父子寡婦福祉資金会計" sheetId="13" r:id="rId12"/>
    <sheet name="国民健康保険事業会計" sheetId="14" r:id="rId13"/>
    <sheet name="神奈川県立病院機構資金会計" sheetId="15" r:id="rId14"/>
    <sheet name="中小企業資金会計" sheetId="16" r:id="rId15"/>
    <sheet name="流域下水道事業会計" sheetId="17" state="hidden" r:id="rId16"/>
    <sheet name="県営住宅管理事業会計" sheetId="18" r:id="rId17"/>
  </sheets>
  <definedNames>
    <definedName name="Par_位表記雛形" localSheetId="9">#REF!</definedName>
    <definedName name="Par_位表記雛形" localSheetId="6">#REF!</definedName>
    <definedName name="Par_位表記雛形" localSheetId="10">#REF!</definedName>
    <definedName name="Par_位表記雛形" localSheetId="16">#REF!</definedName>
    <definedName name="Par_位表記雛形" localSheetId="2">#REF!</definedName>
    <definedName name="Par_位表記雛形" localSheetId="1">#REF!</definedName>
    <definedName name="Par_位表記雛形" localSheetId="12">#REF!</definedName>
    <definedName name="Par_位表記雛形" localSheetId="4">#REF!</definedName>
    <definedName name="Par_位表記雛形" localSheetId="13">#REF!</definedName>
    <definedName name="Par_位表記雛形" localSheetId="8">#REF!</definedName>
    <definedName name="Par_位表記雛形" localSheetId="3">#REF!</definedName>
    <definedName name="Par_位表記雛形" localSheetId="14">#REF!</definedName>
    <definedName name="Par_位表記雛形" localSheetId="5">#REF!</definedName>
    <definedName name="Par_位表記雛形" localSheetId="11">#REF!</definedName>
    <definedName name="Par_位表記雛形" localSheetId="15">#REF!</definedName>
    <definedName name="Par_位表記雛形" localSheetId="7">#REF!</definedName>
    <definedName name="Par_位表記雛形">#REF!</definedName>
    <definedName name="Par_単位表記雛形" localSheetId="9">#REF!</definedName>
    <definedName name="Par_単位表記雛形" localSheetId="6">#REF!</definedName>
    <definedName name="Par_単位表記雛形" localSheetId="10">#REF!</definedName>
    <definedName name="Par_単位表記雛形" localSheetId="16">#REF!</definedName>
    <definedName name="Par_単位表記雛形" localSheetId="2">#REF!</definedName>
    <definedName name="Par_単位表記雛形" localSheetId="1">#REF!</definedName>
    <definedName name="Par_単位表記雛形" localSheetId="12">#REF!</definedName>
    <definedName name="Par_単位表記雛形" localSheetId="4">#REF!</definedName>
    <definedName name="Par_単位表記雛形" localSheetId="13">#REF!</definedName>
    <definedName name="Par_単位表記雛形" localSheetId="8">#REF!</definedName>
    <definedName name="Par_単位表記雛形" localSheetId="3">#REF!</definedName>
    <definedName name="Par_単位表記雛形" localSheetId="14">#REF!</definedName>
    <definedName name="Par_単位表記雛形" localSheetId="5">#REF!</definedName>
    <definedName name="Par_単位表記雛形" localSheetId="11">#REF!</definedName>
    <definedName name="Par_単位表記雛形" localSheetId="15">#REF!</definedName>
    <definedName name="Par_単位表記雛形" localSheetId="7">#REF!</definedName>
    <definedName name="Par_単位表記雛形">#REF!</definedName>
    <definedName name="_xlnm.Print_Area" localSheetId="9">沿岸漁業改善資金会計!$A$1:$Y$58</definedName>
    <definedName name="_xlnm.Print_Area" localSheetId="6">恩賜記念林業振興資金会計!$A$1:$Y$59</definedName>
    <definedName name="_xlnm.Print_Area" localSheetId="10">介護保険財政安定化基金会計!$A$1:$Y$61</definedName>
    <definedName name="_xlnm.Print_Area" localSheetId="16">県営住宅管理事業会計!$A$1:$Y$52</definedName>
    <definedName name="_xlnm.Print_Area" localSheetId="2">公営競技収益配分金等管理会計!$A$1:$Y$60</definedName>
    <definedName name="_xlnm.Print_Area" localSheetId="1">公債管理特別会計!$A$1:$Y$61</definedName>
    <definedName name="_xlnm.Print_Area" localSheetId="12">国民健康保険事業会計!$A$1:$Y$55</definedName>
    <definedName name="_xlnm.Print_Area" localSheetId="4">災害救助基金会計!$A$1:$Y$58</definedName>
    <definedName name="_xlnm.Print_Area" localSheetId="0">市町村自治振興事業会計!$A$1:$Y$53</definedName>
    <definedName name="_xlnm.Print_Area" localSheetId="13">神奈川県立病院機構資金会計!$A$1:$Y$61</definedName>
    <definedName name="_xlnm.Print_Area" localSheetId="8">水源環境保全・再生事業会計!$A$1:$Y$58</definedName>
    <definedName name="_xlnm.Print_Area" localSheetId="3">地方消費税清算会計!$A$1:$Y$61</definedName>
    <definedName name="_xlnm.Print_Area" localSheetId="14">中小企業資金会計!$A$1:$Y$54</definedName>
    <definedName name="_xlnm.Print_Area" localSheetId="5">農業改良資金会計!$A$1:$Y$61</definedName>
    <definedName name="_xlnm.Print_Area" localSheetId="11">母子父子寡婦福祉資金会計!$A$1:$Y$59</definedName>
    <definedName name="_xlnm.Print_Area" localSheetId="15">流域下水道事業会計!$A$1:$Y$61</definedName>
    <definedName name="_xlnm.Print_Area" localSheetId="7">林業改善資金会計!$A$1:$Y$58</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Q47" i="17" l="1"/>
  <c r="Q48" i="17"/>
  <c r="H45" i="17"/>
  <c r="W45" i="17"/>
  <c r="V45" i="17"/>
  <c r="S45" i="17"/>
  <c r="R45" i="17"/>
  <c r="P45" i="17"/>
  <c r="O45" i="17"/>
  <c r="L45" i="17"/>
  <c r="K45" i="17"/>
  <c r="I45" i="17"/>
  <c r="Y23" i="17"/>
  <c r="X23" i="17"/>
  <c r="U23" i="17"/>
  <c r="Q23" i="17"/>
  <c r="N23" i="17"/>
  <c r="J23" i="17"/>
  <c r="G23" i="17"/>
  <c r="Q48" i="7" l="1"/>
  <c r="Q47" i="7"/>
  <c r="W45" i="7"/>
  <c r="V45" i="7"/>
  <c r="S45" i="7"/>
  <c r="R45" i="7"/>
  <c r="P45" i="7"/>
  <c r="O45" i="7"/>
  <c r="L45" i="7"/>
  <c r="K45" i="7"/>
  <c r="I45" i="7"/>
  <c r="H45" i="7"/>
  <c r="W44" i="17" l="1"/>
  <c r="V44" i="17"/>
  <c r="S44" i="17"/>
  <c r="R44" i="17"/>
  <c r="P44" i="17"/>
  <c r="O44" i="17"/>
  <c r="L44" i="17"/>
  <c r="K44" i="17"/>
  <c r="I44" i="17"/>
  <c r="H44" i="17"/>
  <c r="F44" i="17"/>
  <c r="D44" i="17"/>
  <c r="B44" i="17"/>
  <c r="A44" i="17"/>
  <c r="W43" i="17"/>
  <c r="V43" i="17"/>
  <c r="S43" i="17"/>
  <c r="R43" i="17"/>
  <c r="P43" i="17"/>
  <c r="O43" i="17"/>
  <c r="L43" i="17"/>
  <c r="K43" i="17"/>
  <c r="I43" i="17"/>
  <c r="H43" i="17"/>
  <c r="F43" i="17"/>
  <c r="D43" i="17"/>
  <c r="B43" i="17"/>
  <c r="A43" i="17"/>
  <c r="W42" i="17"/>
  <c r="V42" i="17"/>
  <c r="S42" i="17"/>
  <c r="R42" i="17"/>
  <c r="P42" i="17"/>
  <c r="O42" i="17"/>
  <c r="L42" i="17"/>
  <c r="K42" i="17"/>
  <c r="I42" i="17"/>
  <c r="H42" i="17"/>
  <c r="F42" i="17"/>
  <c r="D42" i="17"/>
  <c r="B42" i="17"/>
  <c r="A42" i="17"/>
  <c r="W41" i="17"/>
  <c r="V41" i="17"/>
  <c r="S41" i="17"/>
  <c r="R41" i="17"/>
  <c r="P41" i="17"/>
  <c r="O41" i="17"/>
  <c r="L41" i="17"/>
  <c r="K41" i="17"/>
  <c r="I41" i="17"/>
  <c r="H41" i="17"/>
  <c r="F41" i="17"/>
  <c r="D41" i="17"/>
  <c r="B41" i="17"/>
  <c r="A41" i="17"/>
  <c r="W40" i="17"/>
  <c r="V40" i="17"/>
  <c r="S40" i="17"/>
  <c r="R40" i="17"/>
  <c r="P40" i="17"/>
  <c r="O40" i="17"/>
  <c r="L40" i="17"/>
  <c r="K40" i="17"/>
  <c r="I40" i="17"/>
  <c r="H40" i="17"/>
  <c r="F40" i="17"/>
  <c r="D40" i="17"/>
  <c r="B40" i="17"/>
  <c r="A40" i="17"/>
  <c r="W39" i="17"/>
  <c r="V39" i="17"/>
  <c r="S39" i="17"/>
  <c r="R39" i="17"/>
  <c r="P39" i="17"/>
  <c r="O39" i="17"/>
  <c r="L39" i="17"/>
  <c r="K39" i="17"/>
  <c r="I39" i="17"/>
  <c r="H39" i="17"/>
  <c r="F39" i="17"/>
  <c r="D39" i="17"/>
  <c r="B39" i="17"/>
  <c r="A39" i="17"/>
  <c r="W38" i="17"/>
  <c r="V38" i="17"/>
  <c r="S38" i="17"/>
  <c r="R38" i="17"/>
  <c r="P38" i="17"/>
  <c r="O38" i="17"/>
  <c r="L38" i="17"/>
  <c r="K38" i="17"/>
  <c r="I38" i="17"/>
  <c r="H38" i="17"/>
  <c r="F38" i="17"/>
  <c r="D38" i="17"/>
  <c r="B38" i="17"/>
  <c r="A38" i="17"/>
  <c r="W37" i="17"/>
  <c r="V37" i="17"/>
  <c r="S37" i="17"/>
  <c r="R37" i="17"/>
  <c r="P37" i="17"/>
  <c r="O37" i="17"/>
  <c r="L37" i="17"/>
  <c r="K37" i="17"/>
  <c r="I37" i="17"/>
  <c r="H37" i="17"/>
  <c r="F37" i="17"/>
  <c r="D37" i="17"/>
  <c r="B37" i="17"/>
  <c r="A37" i="17"/>
  <c r="W36" i="17"/>
  <c r="V36" i="17"/>
  <c r="S36" i="17"/>
  <c r="R36" i="17"/>
  <c r="P36" i="17"/>
  <c r="O36" i="17"/>
  <c r="L36" i="17"/>
  <c r="K36" i="17"/>
  <c r="I36" i="17"/>
  <c r="H36" i="17"/>
  <c r="F36" i="17"/>
  <c r="D36" i="17"/>
  <c r="B36" i="17"/>
  <c r="A36" i="17"/>
  <c r="W35" i="17"/>
  <c r="V35" i="17"/>
  <c r="S35" i="17"/>
  <c r="R35" i="17"/>
  <c r="P35" i="17"/>
  <c r="O35" i="17"/>
  <c r="L35" i="17"/>
  <c r="K35" i="17"/>
  <c r="I35" i="17"/>
  <c r="H35" i="17"/>
  <c r="F35" i="17"/>
  <c r="D35" i="17"/>
  <c r="B35" i="17"/>
  <c r="A35" i="17"/>
  <c r="W34" i="17"/>
  <c r="V34" i="17"/>
  <c r="S34" i="17"/>
  <c r="R34" i="17"/>
  <c r="P34" i="17"/>
  <c r="O34" i="17"/>
  <c r="L34" i="17"/>
  <c r="K34" i="17"/>
  <c r="I34" i="17"/>
  <c r="H34" i="17"/>
  <c r="F34" i="17"/>
  <c r="D34" i="17"/>
  <c r="B34" i="17"/>
  <c r="A34" i="17"/>
  <c r="W33" i="17"/>
  <c r="V33" i="17"/>
  <c r="S33" i="17"/>
  <c r="R33" i="17"/>
  <c r="P33" i="17"/>
  <c r="O33" i="17"/>
  <c r="L33" i="17"/>
  <c r="K33" i="17"/>
  <c r="I33" i="17"/>
  <c r="H33" i="17"/>
  <c r="F33" i="17"/>
  <c r="D33" i="17"/>
  <c r="B33" i="17"/>
  <c r="A33" i="17"/>
  <c r="W32" i="17"/>
  <c r="V32" i="17"/>
  <c r="S32" i="17"/>
  <c r="R32" i="17"/>
  <c r="P32" i="17"/>
  <c r="O32" i="17"/>
  <c r="L32" i="17"/>
  <c r="K32" i="17"/>
  <c r="I32" i="17"/>
  <c r="H32" i="17"/>
  <c r="F32" i="17"/>
  <c r="D32" i="17"/>
  <c r="B32" i="17"/>
  <c r="A32" i="17"/>
  <c r="W31" i="17"/>
  <c r="V31" i="17"/>
  <c r="S31" i="17"/>
  <c r="R31" i="17"/>
  <c r="P31" i="17"/>
  <c r="O31" i="17"/>
  <c r="L31" i="17"/>
  <c r="K31" i="17"/>
  <c r="I31" i="17"/>
  <c r="H31" i="17"/>
  <c r="F31" i="17"/>
  <c r="D31" i="17"/>
  <c r="B31" i="17"/>
  <c r="A31" i="17"/>
  <c r="W30" i="17"/>
  <c r="V30" i="17"/>
  <c r="S30" i="17"/>
  <c r="R30" i="17"/>
  <c r="P30" i="17"/>
  <c r="O30" i="17"/>
  <c r="L30" i="17"/>
  <c r="K30" i="17"/>
  <c r="I30" i="17"/>
  <c r="H30" i="17"/>
  <c r="F30" i="17"/>
  <c r="D30" i="17"/>
  <c r="B30" i="17"/>
  <c r="A30" i="17"/>
  <c r="W29" i="17"/>
  <c r="V29" i="17"/>
  <c r="S29" i="17"/>
  <c r="R29" i="17"/>
  <c r="P29" i="17"/>
  <c r="O29" i="17"/>
  <c r="L29" i="17"/>
  <c r="K29" i="17"/>
  <c r="I29" i="17"/>
  <c r="H29" i="17"/>
  <c r="F29" i="17"/>
  <c r="D29" i="17"/>
  <c r="B29" i="17"/>
  <c r="A29" i="17"/>
  <c r="M23" i="17"/>
  <c r="Y22" i="17"/>
  <c r="X22" i="17"/>
  <c r="U22" i="17"/>
  <c r="Q22" i="17"/>
  <c r="N22" i="17"/>
  <c r="M22" i="17"/>
  <c r="J22" i="17"/>
  <c r="G22" i="17"/>
  <c r="E22" i="17"/>
  <c r="C22" i="17"/>
  <c r="B22" i="17"/>
  <c r="A22" i="17"/>
  <c r="Y21" i="17"/>
  <c r="X21" i="17"/>
  <c r="U21" i="17"/>
  <c r="Q21" i="17"/>
  <c r="N21" i="17"/>
  <c r="M21" i="17"/>
  <c r="J21" i="17"/>
  <c r="G21" i="17"/>
  <c r="E21" i="17"/>
  <c r="C21" i="17"/>
  <c r="B21" i="17"/>
  <c r="A21" i="17"/>
  <c r="Y20" i="17"/>
  <c r="X20" i="17"/>
  <c r="U20" i="17"/>
  <c r="Q20" i="17"/>
  <c r="N20" i="17"/>
  <c r="M20" i="17"/>
  <c r="J20" i="17"/>
  <c r="G20" i="17"/>
  <c r="E20" i="17"/>
  <c r="C20" i="17"/>
  <c r="B20" i="17"/>
  <c r="A20" i="17"/>
  <c r="Y19" i="17"/>
  <c r="X19" i="17"/>
  <c r="U19" i="17"/>
  <c r="Q19" i="17"/>
  <c r="N19" i="17"/>
  <c r="M19" i="17"/>
  <c r="J19" i="17"/>
  <c r="G19" i="17"/>
  <c r="E19" i="17"/>
  <c r="C19" i="17"/>
  <c r="B19" i="17"/>
  <c r="A19" i="17"/>
  <c r="Y18" i="17"/>
  <c r="X18" i="17"/>
  <c r="U18" i="17"/>
  <c r="Q18" i="17"/>
  <c r="N18" i="17"/>
  <c r="M18" i="17"/>
  <c r="J18" i="17"/>
  <c r="G18" i="17"/>
  <c r="E18" i="17"/>
  <c r="C18" i="17"/>
  <c r="B18" i="17"/>
  <c r="A18" i="17"/>
  <c r="Y17" i="17"/>
  <c r="X17" i="17"/>
  <c r="U17" i="17"/>
  <c r="Q17" i="17"/>
  <c r="N17" i="17"/>
  <c r="M17" i="17"/>
  <c r="J17" i="17"/>
  <c r="G17" i="17"/>
  <c r="E17" i="17"/>
  <c r="C17" i="17"/>
  <c r="B17" i="17"/>
  <c r="A17" i="17"/>
  <c r="Y16" i="17"/>
  <c r="X16" i="17"/>
  <c r="U16" i="17"/>
  <c r="Q16" i="17"/>
  <c r="N16" i="17"/>
  <c r="M16" i="17"/>
  <c r="J16" i="17"/>
  <c r="G16" i="17"/>
  <c r="E16" i="17"/>
  <c r="C16" i="17"/>
  <c r="B16" i="17"/>
  <c r="A16" i="17"/>
  <c r="Y15" i="17"/>
  <c r="X15" i="17"/>
  <c r="U15" i="17"/>
  <c r="Q15" i="17"/>
  <c r="N15" i="17"/>
  <c r="M15" i="17"/>
  <c r="J15" i="17"/>
  <c r="G15" i="17"/>
  <c r="E15" i="17"/>
  <c r="C15" i="17"/>
  <c r="B15" i="17"/>
  <c r="A15" i="17"/>
  <c r="Y14" i="17"/>
  <c r="X14" i="17"/>
  <c r="U14" i="17"/>
  <c r="Q14" i="17"/>
  <c r="N14" i="17"/>
  <c r="M14" i="17"/>
  <c r="J14" i="17"/>
  <c r="G14" i="17"/>
  <c r="E14" i="17"/>
  <c r="C14" i="17"/>
  <c r="B14" i="17"/>
  <c r="A14" i="17"/>
  <c r="Y13" i="17"/>
  <c r="X13" i="17"/>
  <c r="U13" i="17"/>
  <c r="Q13" i="17"/>
  <c r="N13" i="17"/>
  <c r="M13" i="17"/>
  <c r="J13" i="17"/>
  <c r="G13" i="17"/>
  <c r="E13" i="17"/>
  <c r="C13" i="17"/>
  <c r="B13" i="17"/>
  <c r="A13" i="17"/>
  <c r="Y12" i="17"/>
  <c r="X12" i="17"/>
  <c r="U12" i="17"/>
  <c r="Q12" i="17"/>
  <c r="N12" i="17"/>
  <c r="M12" i="17"/>
  <c r="J12" i="17"/>
  <c r="G12" i="17"/>
  <c r="E12" i="17"/>
  <c r="C12" i="17"/>
  <c r="B12" i="17"/>
  <c r="A12" i="17"/>
  <c r="Y11" i="17"/>
  <c r="X11" i="17"/>
  <c r="U11" i="17"/>
  <c r="Q11" i="17"/>
  <c r="N11" i="17"/>
  <c r="M11" i="17"/>
  <c r="J11" i="17"/>
  <c r="G11" i="17"/>
  <c r="E11" i="17"/>
  <c r="C11" i="17"/>
  <c r="B11" i="17"/>
  <c r="A11" i="17"/>
  <c r="Y10" i="17"/>
  <c r="X10" i="17"/>
  <c r="U10" i="17"/>
  <c r="Q10" i="17"/>
  <c r="N10" i="17"/>
  <c r="M10" i="17"/>
  <c r="J10" i="17"/>
  <c r="G10" i="17"/>
  <c r="E10" i="17"/>
  <c r="C10" i="17"/>
  <c r="B10" i="17"/>
  <c r="A10" i="17"/>
  <c r="Y9" i="17"/>
  <c r="X9" i="17"/>
  <c r="U9" i="17"/>
  <c r="Q9" i="17"/>
  <c r="N9" i="17"/>
  <c r="M9" i="17"/>
  <c r="J9" i="17"/>
  <c r="G9" i="17"/>
  <c r="E9" i="17"/>
  <c r="C9" i="17"/>
  <c r="B9" i="17"/>
  <c r="A9" i="17"/>
  <c r="Y8" i="17"/>
  <c r="X8" i="17"/>
  <c r="U8" i="17"/>
  <c r="Q8" i="17"/>
  <c r="N8" i="17"/>
  <c r="M8" i="17"/>
  <c r="J8" i="17"/>
  <c r="G8" i="17"/>
  <c r="E8" i="17"/>
  <c r="C8" i="17"/>
  <c r="B8" i="17"/>
  <c r="A8" i="17"/>
  <c r="Y7" i="17"/>
  <c r="X7" i="17"/>
  <c r="U7" i="17"/>
  <c r="Q7" i="17"/>
  <c r="N7" i="17"/>
  <c r="M7" i="17"/>
  <c r="J7" i="17"/>
  <c r="G7" i="17"/>
  <c r="E7" i="17"/>
  <c r="C7" i="17"/>
  <c r="B7" i="17"/>
  <c r="A7" i="17"/>
  <c r="Y6" i="17"/>
  <c r="X6" i="17"/>
  <c r="U6" i="17"/>
  <c r="Q6" i="17"/>
  <c r="N6" i="17"/>
  <c r="M6" i="17"/>
  <c r="J6" i="17"/>
  <c r="G6" i="17"/>
  <c r="E6" i="17"/>
  <c r="C6" i="17"/>
  <c r="B6" i="17"/>
  <c r="A6" i="17"/>
  <c r="A1" i="17"/>
  <c r="W44" i="7"/>
  <c r="V44" i="7"/>
  <c r="S44" i="7"/>
  <c r="R44" i="7"/>
  <c r="P44" i="7"/>
  <c r="O44" i="7"/>
  <c r="L44" i="7"/>
  <c r="K44" i="7"/>
  <c r="I44" i="7"/>
  <c r="H44" i="7"/>
  <c r="F44" i="7"/>
  <c r="D44" i="7"/>
  <c r="B44" i="7"/>
  <c r="A44" i="7"/>
  <c r="W43" i="7"/>
  <c r="V43" i="7"/>
  <c r="S43" i="7"/>
  <c r="R43" i="7"/>
  <c r="P43" i="7"/>
  <c r="O43" i="7"/>
  <c r="L43" i="7"/>
  <c r="K43" i="7"/>
  <c r="I43" i="7"/>
  <c r="H43" i="7"/>
  <c r="F43" i="7"/>
  <c r="D43" i="7"/>
  <c r="B43" i="7"/>
  <c r="A43" i="7"/>
  <c r="W42" i="7"/>
  <c r="V42" i="7"/>
  <c r="S42" i="7"/>
  <c r="R42" i="7"/>
  <c r="P42" i="7"/>
  <c r="O42" i="7"/>
  <c r="L42" i="7"/>
  <c r="K42" i="7"/>
  <c r="I42" i="7"/>
  <c r="H42" i="7"/>
  <c r="F42" i="7"/>
  <c r="D42" i="7"/>
  <c r="B42" i="7"/>
  <c r="A42" i="7"/>
  <c r="W41" i="7"/>
  <c r="V41" i="7"/>
  <c r="S41" i="7"/>
  <c r="R41" i="7"/>
  <c r="P41" i="7"/>
  <c r="O41" i="7"/>
  <c r="L41" i="7"/>
  <c r="K41" i="7"/>
  <c r="I41" i="7"/>
  <c r="H41" i="7"/>
  <c r="F41" i="7"/>
  <c r="D41" i="7"/>
  <c r="B41" i="7"/>
  <c r="A41" i="7"/>
  <c r="W40" i="7"/>
  <c r="V40" i="7"/>
  <c r="S40" i="7"/>
  <c r="R40" i="7"/>
  <c r="P40" i="7"/>
  <c r="O40" i="7"/>
  <c r="L40" i="7"/>
  <c r="K40" i="7"/>
  <c r="I40" i="7"/>
  <c r="H40" i="7"/>
  <c r="F40" i="7"/>
  <c r="D40" i="7"/>
  <c r="B40" i="7"/>
  <c r="A40" i="7"/>
  <c r="W39" i="7"/>
  <c r="V39" i="7"/>
  <c r="S39" i="7"/>
  <c r="R39" i="7"/>
  <c r="P39" i="7"/>
  <c r="O39" i="7"/>
  <c r="L39" i="7"/>
  <c r="K39" i="7"/>
  <c r="I39" i="7"/>
  <c r="H39" i="7"/>
  <c r="F39" i="7"/>
  <c r="D39" i="7"/>
  <c r="B39" i="7"/>
  <c r="A39" i="7"/>
  <c r="W38" i="7"/>
  <c r="V38" i="7"/>
  <c r="S38" i="7"/>
  <c r="R38" i="7"/>
  <c r="P38" i="7"/>
  <c r="O38" i="7"/>
  <c r="L38" i="7"/>
  <c r="K38" i="7"/>
  <c r="I38" i="7"/>
  <c r="H38" i="7"/>
  <c r="F38" i="7"/>
  <c r="D38" i="7"/>
  <c r="B38" i="7"/>
  <c r="A38" i="7"/>
  <c r="W37" i="7"/>
  <c r="V37" i="7"/>
  <c r="S37" i="7"/>
  <c r="R37" i="7"/>
  <c r="P37" i="7"/>
  <c r="O37" i="7"/>
  <c r="L37" i="7"/>
  <c r="K37" i="7"/>
  <c r="I37" i="7"/>
  <c r="H37" i="7"/>
  <c r="F37" i="7"/>
  <c r="D37" i="7"/>
  <c r="B37" i="7"/>
  <c r="A37" i="7"/>
  <c r="W36" i="7"/>
  <c r="V36" i="7"/>
  <c r="S36" i="7"/>
  <c r="R36" i="7"/>
  <c r="P36" i="7"/>
  <c r="O36" i="7"/>
  <c r="L36" i="7"/>
  <c r="K36" i="7"/>
  <c r="I36" i="7"/>
  <c r="H36" i="7"/>
  <c r="F36" i="7"/>
  <c r="D36" i="7"/>
  <c r="B36" i="7"/>
  <c r="A36" i="7"/>
  <c r="W35" i="7"/>
  <c r="V35" i="7"/>
  <c r="S35" i="7"/>
  <c r="R35" i="7"/>
  <c r="P35" i="7"/>
  <c r="O35" i="7"/>
  <c r="L35" i="7"/>
  <c r="K35" i="7"/>
  <c r="I35" i="7"/>
  <c r="H35" i="7"/>
  <c r="F35" i="7"/>
  <c r="D35" i="7"/>
  <c r="B35" i="7"/>
  <c r="A35" i="7"/>
  <c r="W34" i="7"/>
  <c r="V34" i="7"/>
  <c r="S34" i="7"/>
  <c r="R34" i="7"/>
  <c r="P34" i="7"/>
  <c r="O34" i="7"/>
  <c r="L34" i="7"/>
  <c r="K34" i="7"/>
  <c r="I34" i="7"/>
  <c r="H34" i="7"/>
  <c r="F34" i="7"/>
  <c r="D34" i="7"/>
  <c r="B34" i="7"/>
  <c r="A34" i="7"/>
  <c r="W33" i="7"/>
  <c r="V33" i="7"/>
  <c r="S33" i="7"/>
  <c r="R33" i="7"/>
  <c r="P33" i="7"/>
  <c r="O33" i="7"/>
  <c r="L33" i="7"/>
  <c r="K33" i="7"/>
  <c r="I33" i="7"/>
  <c r="H33" i="7"/>
  <c r="F33" i="7"/>
  <c r="D33" i="7"/>
  <c r="B33" i="7"/>
  <c r="A33" i="7"/>
  <c r="W32" i="7"/>
  <c r="V32" i="7"/>
  <c r="S32" i="7"/>
  <c r="R32" i="7"/>
  <c r="P32" i="7"/>
  <c r="O32" i="7"/>
  <c r="L32" i="7"/>
  <c r="K32" i="7"/>
  <c r="I32" i="7"/>
  <c r="H32" i="7"/>
  <c r="F32" i="7"/>
  <c r="D32" i="7"/>
  <c r="B32" i="7"/>
  <c r="A32" i="7"/>
  <c r="W31" i="7"/>
  <c r="V31" i="7"/>
  <c r="S31" i="7"/>
  <c r="R31" i="7"/>
  <c r="P31" i="7"/>
  <c r="O31" i="7"/>
  <c r="L31" i="7"/>
  <c r="K31" i="7"/>
  <c r="I31" i="7"/>
  <c r="H31" i="7"/>
  <c r="F31" i="7"/>
  <c r="D31" i="7"/>
  <c r="B31" i="7"/>
  <c r="A31" i="7"/>
  <c r="W30" i="7"/>
  <c r="V30" i="7"/>
  <c r="S30" i="7"/>
  <c r="R30" i="7"/>
  <c r="P30" i="7"/>
  <c r="O30" i="7"/>
  <c r="L30" i="7"/>
  <c r="K30" i="7"/>
  <c r="I30" i="7"/>
  <c r="H30" i="7"/>
  <c r="F30" i="7"/>
  <c r="D30" i="7"/>
  <c r="B30" i="7"/>
  <c r="A30" i="7"/>
  <c r="W29" i="7"/>
  <c r="V29" i="7"/>
  <c r="S29" i="7"/>
  <c r="R29" i="7"/>
  <c r="P29" i="7"/>
  <c r="O29" i="7"/>
  <c r="L29" i="7"/>
  <c r="K29" i="7"/>
  <c r="I29" i="7"/>
  <c r="H29" i="7"/>
  <c r="F29" i="7"/>
  <c r="D29" i="7"/>
  <c r="B29" i="7"/>
  <c r="A29" i="7"/>
</calcChain>
</file>

<file path=xl/sharedStrings.xml><?xml version="1.0" encoding="utf-8"?>
<sst xmlns="http://schemas.openxmlformats.org/spreadsheetml/2006/main" count="7350" uniqueCount="465">
  <si>
    <t>　歳　　出</t>
  </si>
  <si>
    <t/>
  </si>
  <si>
    <t>款</t>
    <rPh sb="0" eb="1">
      <t>カン</t>
    </rPh>
    <phoneticPr fontId="7"/>
  </si>
  <si>
    <t>項</t>
    <rPh sb="0" eb="1">
      <t>コウ</t>
    </rPh>
    <phoneticPr fontId="7"/>
  </si>
  <si>
    <t>歳出合計</t>
    <rPh sb="0" eb="2">
      <t>サイシュツ</t>
    </rPh>
    <rPh sb="2" eb="4">
      <t>ゴウケイ</t>
    </rPh>
    <phoneticPr fontId="7"/>
  </si>
  <si>
    <t>歳入歳出差引残額</t>
  </si>
  <si>
    <t>　うち基金繰入額</t>
    <phoneticPr fontId="2"/>
  </si>
  <si>
    <t>　令和　　年　　月　　日　提出</t>
    <rPh sb="1" eb="3">
      <t>レイワ</t>
    </rPh>
    <phoneticPr fontId="2"/>
  </si>
  <si>
    <t>神奈川県知事      黒　　岩　　祐　　治</t>
  </si>
  <si>
    <t>　歳　　入</t>
  </si>
  <si>
    <t>歳入合計</t>
    <rPh sb="0" eb="2">
      <t>サイニュウ</t>
    </rPh>
    <rPh sb="2" eb="4">
      <t>ゴウケイ</t>
    </rPh>
    <phoneticPr fontId="7"/>
  </si>
  <si>
    <t>項</t>
    <rPh sb="0" eb="1">
      <t>コウ</t>
    </rPh>
    <phoneticPr fontId="2"/>
  </si>
  <si>
    <t>予算現額</t>
    <rPh sb="0" eb="2">
      <t>ヨサン</t>
    </rPh>
    <rPh sb="2" eb="4">
      <t>ゲンガク</t>
    </rPh>
    <phoneticPr fontId="2"/>
  </si>
  <si>
    <t>調定額</t>
    <rPh sb="0" eb="3">
      <t>チョウテイガクガク</t>
    </rPh>
    <phoneticPr fontId="2"/>
  </si>
  <si>
    <t>収入済額</t>
    <rPh sb="0" eb="2">
      <t>シュウニュウ</t>
    </rPh>
    <rPh sb="2" eb="3">
      <t>ズ</t>
    </rPh>
    <rPh sb="3" eb="4">
      <t>ガク</t>
    </rPh>
    <phoneticPr fontId="2"/>
  </si>
  <si>
    <t>不納欠損額</t>
    <rPh sb="0" eb="2">
      <t>フノウ</t>
    </rPh>
    <rPh sb="2" eb="4">
      <t>ケッソン</t>
    </rPh>
    <rPh sb="4" eb="5">
      <t>ガク</t>
    </rPh>
    <phoneticPr fontId="2"/>
  </si>
  <si>
    <t>収入未済額</t>
    <rPh sb="0" eb="2">
      <t>シュウニュウ</t>
    </rPh>
    <rPh sb="2" eb="4">
      <t>ミサイ</t>
    </rPh>
    <rPh sb="4" eb="5">
      <t>ガク</t>
    </rPh>
    <phoneticPr fontId="2"/>
  </si>
  <si>
    <t>予算現額と
収入済額との
比較</t>
    <rPh sb="0" eb="4">
      <t>ヨサンゲンガク</t>
    </rPh>
    <rPh sb="6" eb="8">
      <t>シュウニュウ</t>
    </rPh>
    <rPh sb="8" eb="9">
      <t>ズ</t>
    </rPh>
    <rPh sb="9" eb="10">
      <t>ガク</t>
    </rPh>
    <rPh sb="13" eb="15">
      <t>ヒカク</t>
    </rPh>
    <phoneticPr fontId="2"/>
  </si>
  <si>
    <t>円</t>
    <rPh sb="0" eb="1">
      <t>エン</t>
    </rPh>
    <phoneticPr fontId="2"/>
  </si>
  <si>
    <t>予算現額</t>
    <rPh sb="0" eb="4">
      <t>ヨサンゲンガク</t>
    </rPh>
    <phoneticPr fontId="7"/>
  </si>
  <si>
    <t>支出済額</t>
    <rPh sb="0" eb="2">
      <t>シシュツ</t>
    </rPh>
    <rPh sb="2" eb="3">
      <t>ズ</t>
    </rPh>
    <rPh sb="3" eb="4">
      <t>ガク</t>
    </rPh>
    <phoneticPr fontId="7"/>
  </si>
  <si>
    <t>翌年度繰越額</t>
    <rPh sb="0" eb="3">
      <t>ヨクネンド</t>
    </rPh>
    <rPh sb="3" eb="5">
      <t>クリコシ</t>
    </rPh>
    <rPh sb="5" eb="6">
      <t>ガク</t>
    </rPh>
    <phoneticPr fontId="2"/>
  </si>
  <si>
    <t>不用額</t>
    <rPh sb="0" eb="2">
      <t>フヨウ</t>
    </rPh>
    <rPh sb="2" eb="3">
      <t>ガク</t>
    </rPh>
    <phoneticPr fontId="2"/>
  </si>
  <si>
    <t>予算現額と
支出済額との
比較</t>
    <rPh sb="0" eb="2">
      <t>ヨサン</t>
    </rPh>
    <rPh sb="2" eb="4">
      <t>ゲンガク</t>
    </rPh>
    <rPh sb="6" eb="9">
      <t>シシュツズ</t>
    </rPh>
    <rPh sb="9" eb="10">
      <t>ガク</t>
    </rPh>
    <rPh sb="13" eb="15">
      <t>ヒカク</t>
    </rPh>
    <phoneticPr fontId="2"/>
  </si>
  <si>
    <t>　うち基金繰入額</t>
    <phoneticPr fontId="2"/>
  </si>
  <si>
    <t>令和２年度神奈川県中小企業資金会計歳入歳出決算書</t>
  </si>
  <si>
    <t xml:space="preserve"> 1</t>
  </si>
  <si>
    <t>中小企業資金収入</t>
  </si>
  <si>
    <t>2,360,865,000</t>
  </si>
  <si>
    <t>3,217,550,954</t>
  </si>
  <si>
    <t>2,603,218,367</t>
  </si>
  <si>
    <t>0</t>
  </si>
  <si>
    <t>614,332,587</t>
  </si>
  <si>
    <t>242,353,367</t>
  </si>
  <si>
    <t>貸付金収入</t>
  </si>
  <si>
    <t>1,223,322,000</t>
  </si>
  <si>
    <t>2,301,357,232</t>
  </si>
  <si>
    <t>1,691,446,282</t>
  </si>
  <si>
    <t>609,910,950</t>
  </si>
  <si>
    <t>468,124,282</t>
  </si>
  <si>
    <t xml:space="preserve"> 2</t>
  </si>
  <si>
    <t>繰入金</t>
  </si>
  <si>
    <t>276,186,000</t>
  </si>
  <si>
    <t>145,450,983</t>
  </si>
  <si>
    <t>△</t>
  </si>
  <si>
    <t>130,735,017</t>
  </si>
  <si>
    <t xml:space="preserve"> 3</t>
  </si>
  <si>
    <t>繰越金</t>
  </si>
  <si>
    <t>590,871,000</t>
  </si>
  <si>
    <t>625,881,183</t>
  </si>
  <si>
    <t>35,010,183</t>
  </si>
  <si>
    <t xml:space="preserve"> 4</t>
  </si>
  <si>
    <t>諸収入</t>
  </si>
  <si>
    <t>486,000</t>
  </si>
  <si>
    <t>4,868,858</t>
  </si>
  <si>
    <t>447,221</t>
  </si>
  <si>
    <t>4,421,637</t>
  </si>
  <si>
    <t>38,779</t>
  </si>
  <si>
    <t xml:space="preserve"> 5</t>
  </si>
  <si>
    <t>県債</t>
  </si>
  <si>
    <t>250,000,000</t>
  </si>
  <si>
    <t>126,611,000</t>
  </si>
  <si>
    <t>123,389,000</t>
  </si>
  <si>
    <t xml:space="preserve"> 6</t>
  </si>
  <si>
    <t>国庫支出金</t>
  </si>
  <si>
    <t>20,000,000</t>
  </si>
  <si>
    <t>13,381,698</t>
  </si>
  <si>
    <t>6,618,302</t>
  </si>
  <si>
    <t>歳入合計</t>
  </si>
  <si>
    <t>中小企業資金</t>
  </si>
  <si>
    <t>2,098,852,173</t>
  </si>
  <si>
    <t>262,012,827</t>
  </si>
  <si>
    <t>貸付金</t>
  </si>
  <si>
    <t>501,067,000</t>
  </si>
  <si>
    <t>254,289,000</t>
  </si>
  <si>
    <t>246,778,000</t>
  </si>
  <si>
    <t>事業費</t>
  </si>
  <si>
    <t>36,086,000</t>
  </si>
  <si>
    <t>22,121,681</t>
  </si>
  <si>
    <t>13,964,319</t>
  </si>
  <si>
    <t>事務費</t>
  </si>
  <si>
    <t>304,459,000</t>
  </si>
  <si>
    <t>303,974,633</t>
  </si>
  <si>
    <t>484,367</t>
  </si>
  <si>
    <t>繰出金</t>
  </si>
  <si>
    <t>666,820,000</t>
  </si>
  <si>
    <t>666,574,288</t>
  </si>
  <si>
    <t>245,712</t>
  </si>
  <si>
    <t>公債費</t>
  </si>
  <si>
    <t>852,433,000</t>
  </si>
  <si>
    <t>851,892,571</t>
  </si>
  <si>
    <t>540,429</t>
  </si>
  <si>
    <t>歳出合計</t>
  </si>
  <si>
    <t>504,366,194円</t>
  </si>
  <si>
    <t>うち基金繰入額</t>
  </si>
  <si>
    <t>0円</t>
  </si>
  <si>
    <t>令和 02 年　　月　　日　提出</t>
  </si>
  <si>
    <t>令和２年度神奈川県県営住宅事業会計歳入歳出決算書</t>
  </si>
  <si>
    <t>19,263,250,000</t>
  </si>
  <si>
    <t>20,079,244,679</t>
  </si>
  <si>
    <t>18,793,587,390</t>
  </si>
  <si>
    <t>69,979,746</t>
  </si>
  <si>
    <t>1,215,677,543</t>
  </si>
  <si>
    <t>469,662,610</t>
  </si>
  <si>
    <t>事業収入</t>
  </si>
  <si>
    <t>9,726,930,000</t>
  </si>
  <si>
    <t>11,218,183,286</t>
  </si>
  <si>
    <t>9,978,520,767</t>
  </si>
  <si>
    <t>1,169,682,773</t>
  </si>
  <si>
    <t>251,590,767</t>
  </si>
  <si>
    <t>441,000</t>
  </si>
  <si>
    <t>692,945</t>
  </si>
  <si>
    <t>251,945</t>
  </si>
  <si>
    <t>849,629,000</t>
  </si>
  <si>
    <t>887,381,821</t>
  </si>
  <si>
    <t>865,236,298</t>
  </si>
  <si>
    <t>22,145,523</t>
  </si>
  <si>
    <t>15,607,298</t>
  </si>
  <si>
    <t>1,584,117,000</t>
  </si>
  <si>
    <t>1,317,583,000</t>
  </si>
  <si>
    <t>266,534,000</t>
  </si>
  <si>
    <t>財産収入</t>
  </si>
  <si>
    <t>335,844,000</t>
  </si>
  <si>
    <t>429,947,903</t>
  </si>
  <si>
    <t>429,628,066</t>
  </si>
  <si>
    <t>319,837</t>
  </si>
  <si>
    <t>93,784,066</t>
  </si>
  <si>
    <t>4,790,000,000</t>
  </si>
  <si>
    <t xml:space="preserve"> 7</t>
  </si>
  <si>
    <t>155,261,000</t>
  </si>
  <si>
    <t>155,261,915</t>
  </si>
  <si>
    <t>915</t>
  </si>
  <si>
    <t xml:space="preserve"> 8</t>
  </si>
  <si>
    <t>46,028,000</t>
  </si>
  <si>
    <t>70,193,809</t>
  </si>
  <si>
    <t>46,664,399</t>
  </si>
  <si>
    <t>23,529,410</t>
  </si>
  <si>
    <t>636,399</t>
  </si>
  <si>
    <t xml:space="preserve"> 9</t>
  </si>
  <si>
    <t>1,775,000,000</t>
  </si>
  <si>
    <t>1,210,000,000</t>
  </si>
  <si>
    <t>565,000,000</t>
  </si>
  <si>
    <t>18,183,345,858</t>
  </si>
  <si>
    <t>822,041,772</t>
  </si>
  <si>
    <t>257,862,370</t>
  </si>
  <si>
    <t>1,079,904,142</t>
  </si>
  <si>
    <t>住宅費</t>
  </si>
  <si>
    <t>10,378,361,000</t>
  </si>
  <si>
    <t>9,302,054,121</t>
  </si>
  <si>
    <t>254,265,107</t>
  </si>
  <si>
    <t>1,076,306,879</t>
  </si>
  <si>
    <t>積立金</t>
  </si>
  <si>
    <t>1,000,000</t>
  </si>
  <si>
    <t>8,881,889,000</t>
  </si>
  <si>
    <t>8,880,291,737</t>
  </si>
  <si>
    <t>1,597,263</t>
  </si>
  <si>
    <t>予備費</t>
  </si>
  <si>
    <t>2,000,000</t>
  </si>
  <si>
    <t>610,241,532円</t>
  </si>
  <si>
    <t>病院機構資金収入</t>
  </si>
  <si>
    <t>5,038,623,000</t>
  </si>
  <si>
    <t>4,832,622,118</t>
  </si>
  <si>
    <t>206,000,882</t>
  </si>
  <si>
    <t>3,547,623,000</t>
  </si>
  <si>
    <t>3,547,622,118</t>
  </si>
  <si>
    <t>882</t>
  </si>
  <si>
    <t>1,491,000,000</t>
  </si>
  <si>
    <t>1,285,000,000</t>
  </si>
  <si>
    <t>206,000,000</t>
  </si>
  <si>
    <t>病院機構資金</t>
  </si>
  <si>
    <t>令和２年度神奈川県国民健康保険事業会計歳入歳出決算書</t>
  </si>
  <si>
    <t>国民健康保険事業収入</t>
  </si>
  <si>
    <t>721,408,871,000</t>
  </si>
  <si>
    <t>724,972,365,708</t>
  </si>
  <si>
    <t>3,563,494,708</t>
  </si>
  <si>
    <t>240,964,360,000</t>
  </si>
  <si>
    <t>240,964,360,977</t>
  </si>
  <si>
    <t>977</t>
  </si>
  <si>
    <t>179,764,813,000</t>
  </si>
  <si>
    <t>188,776,241,325</t>
  </si>
  <si>
    <t>9,011,428,325</t>
  </si>
  <si>
    <t>3,500,000</t>
  </si>
  <si>
    <t>2,615,396</t>
  </si>
  <si>
    <t>884,604</t>
  </si>
  <si>
    <t>58,268,722,000</t>
  </si>
  <si>
    <t>52,749,721,804</t>
  </si>
  <si>
    <t>5,519,000,196</t>
  </si>
  <si>
    <t>231,770,280,000</t>
  </si>
  <si>
    <t>231,842,228,807</t>
  </si>
  <si>
    <t>71,948,807</t>
  </si>
  <si>
    <t>10,637,196,000</t>
  </si>
  <si>
    <t>10,637,197,399</t>
  </si>
  <si>
    <t>1,399</t>
  </si>
  <si>
    <t>697,029,337,621</t>
  </si>
  <si>
    <t>24,379,533,379</t>
  </si>
  <si>
    <t>708,507,657,000</t>
  </si>
  <si>
    <t>689,648,007,289</t>
  </si>
  <si>
    <t>18,859,649,711</t>
  </si>
  <si>
    <t>150,000,000</t>
  </si>
  <si>
    <t>31,000,000</t>
  </si>
  <si>
    <t>119,000,000</t>
  </si>
  <si>
    <t>7,351,214,000</t>
  </si>
  <si>
    <t>7,350,330,332</t>
  </si>
  <si>
    <t>883,668</t>
  </si>
  <si>
    <t>5,400,000,000</t>
  </si>
  <si>
    <t>27,943,028,087円</t>
  </si>
  <si>
    <t>令和２年度神奈川県母子父子寡婦福祉資金会計歳入歳出決算書</t>
  </si>
  <si>
    <t>母子父子寡婦福祉資金収入</t>
  </si>
  <si>
    <t>417,509,000</t>
  </si>
  <si>
    <t>1,857,837,711</t>
  </si>
  <si>
    <t xml:space="preserve">×_x000D_
</t>
  </si>
  <si>
    <t>7,561_x000D_
650,562,735</t>
  </si>
  <si>
    <t>10,551,101</t>
  </si>
  <si>
    <t>1,196,731,436</t>
  </si>
  <si>
    <t>233,053,735</t>
  </si>
  <si>
    <t>284,069,000</t>
  </si>
  <si>
    <t>1,683,733,659</t>
  </si>
  <si>
    <t>10,294,658</t>
  </si>
  <si>
    <t>1,187,396,857</t>
  </si>
  <si>
    <t>201,980,705</t>
  </si>
  <si>
    <t>12,457,000</t>
  </si>
  <si>
    <t>119,514,000</t>
  </si>
  <si>
    <t>150,213,831</t>
  </si>
  <si>
    <t>30,699,831</t>
  </si>
  <si>
    <t>1,469,000</t>
  </si>
  <si>
    <t>11,433,221</t>
  </si>
  <si>
    <t>1,842,199</t>
  </si>
  <si>
    <t>256,443</t>
  </si>
  <si>
    <t>9,334,579</t>
  </si>
  <si>
    <t>373,199</t>
  </si>
  <si>
    <t>336,724,462</t>
  </si>
  <si>
    <t>80,784,538</t>
  </si>
  <si>
    <t>403,148,000</t>
  </si>
  <si>
    <t>322,642,810</t>
  </si>
  <si>
    <t>80,505,190</t>
  </si>
  <si>
    <t>14,361,000</t>
  </si>
  <si>
    <t>14,081,652</t>
  </si>
  <si>
    <t>279,348</t>
  </si>
  <si>
    <t>313,838,273円</t>
  </si>
  <si>
    <t>令和２年度神奈川県介護保険財政安定化基金会計歳入歳出決算書</t>
  </si>
  <si>
    <t>介護保険財政安定化基金</t>
  </si>
  <si>
    <t>629,000</t>
  </si>
  <si>
    <t>517,175</t>
  </si>
  <si>
    <t>111,825</t>
  </si>
  <si>
    <t>628,000</t>
  </si>
  <si>
    <t>110,825</t>
  </si>
  <si>
    <t>1,000</t>
  </si>
  <si>
    <t>令和２年度神奈川県沿岸漁業改善資金会計歳入歳出決算書</t>
  </si>
  <si>
    <t>沿岸漁業改善資金収入</t>
  </si>
  <si>
    <t>137,588,000</t>
  </si>
  <si>
    <t>166,781,258</t>
  </si>
  <si>
    <t>29,193,258</t>
  </si>
  <si>
    <t>25,091,000</t>
  </si>
  <si>
    <t>21,169,000</t>
  </si>
  <si>
    <t>3,922,000</t>
  </si>
  <si>
    <t>934,000</t>
  </si>
  <si>
    <t>333,845</t>
  </si>
  <si>
    <t>600,155</t>
  </si>
  <si>
    <t>111,562,000</t>
  </si>
  <si>
    <t>145,276,957</t>
  </si>
  <si>
    <t>33,714,957</t>
  </si>
  <si>
    <t>1,456</t>
  </si>
  <si>
    <t>456</t>
  </si>
  <si>
    <t>10,189,845</t>
  </si>
  <si>
    <t>127,398,155</t>
  </si>
  <si>
    <t>55,000,000</t>
  </si>
  <si>
    <t>9,856,000</t>
  </si>
  <si>
    <t>45,144,000</t>
  </si>
  <si>
    <t>81,654,000</t>
  </si>
  <si>
    <t>156,591,413円</t>
  </si>
  <si>
    <t>令和２年度神奈川県水源環境保全・再生事業会計歳入歳出決算書</t>
  </si>
  <si>
    <t>水源環境保全・再生事業収入</t>
  </si>
  <si>
    <t>8,614,559,153</t>
  </si>
  <si>
    <t>8,456,790,269</t>
  </si>
  <si>
    <t>157,768,884</t>
  </si>
  <si>
    <t>20,000</t>
  </si>
  <si>
    <t>43,451</t>
  </si>
  <si>
    <t>23,451</t>
  </si>
  <si>
    <t>寄附金</t>
  </si>
  <si>
    <t>1,521,000</t>
  </si>
  <si>
    <t>1,763,989</t>
  </si>
  <si>
    <t>242,989</t>
  </si>
  <si>
    <t>8,530,876,000</t>
  </si>
  <si>
    <t>8,372,889,140</t>
  </si>
  <si>
    <t>157,986,860</t>
  </si>
  <si>
    <t>216,000</t>
  </si>
  <si>
    <t>167,313</t>
  </si>
  <si>
    <t>48,687</t>
  </si>
  <si>
    <t>81,926,153</t>
  </si>
  <si>
    <t>81,926,376</t>
  </si>
  <si>
    <t>223</t>
  </si>
  <si>
    <t>水源環境保全・再生事業費</t>
  </si>
  <si>
    <t>8,333,345,699</t>
  </si>
  <si>
    <t>122,933,150</t>
  </si>
  <si>
    <t>158,280,304</t>
  </si>
  <si>
    <t>281,213,454</t>
  </si>
  <si>
    <t>4,275,479,153</t>
  </si>
  <si>
    <t>3,994,265,699</t>
  </si>
  <si>
    <t>4,339,080,000</t>
  </si>
  <si>
    <t>123,444,570円</t>
  </si>
  <si>
    <t>令和２年度神奈川県林業改善資金会計歳入歳出決算書</t>
  </si>
  <si>
    <t>林業改善資金収入</t>
  </si>
  <si>
    <t>51,211,000</t>
  </si>
  <si>
    <t>64,150,818</t>
  </si>
  <si>
    <t>12,939,818</t>
  </si>
  <si>
    <t>10,778,000</t>
  </si>
  <si>
    <t>12,778,000</t>
  </si>
  <si>
    <t>70,000</t>
  </si>
  <si>
    <t>9,900</t>
  </si>
  <si>
    <t>60,100</t>
  </si>
  <si>
    <t>40,362,000</t>
  </si>
  <si>
    <t>51,362,337</t>
  </si>
  <si>
    <t>11,000,337</t>
  </si>
  <si>
    <t>581</t>
  </si>
  <si>
    <t>419</t>
  </si>
  <si>
    <t>林業改善資金</t>
  </si>
  <si>
    <t>51,201,100</t>
  </si>
  <si>
    <t>30,000,000</t>
  </si>
  <si>
    <t>21,141,000</t>
  </si>
  <si>
    <t>64,140,918円</t>
  </si>
  <si>
    <t>令和２年度神奈川県恩賜記念林業振興資金会計歳入歳出決算書</t>
  </si>
  <si>
    <t>林業振興資金収入</t>
  </si>
  <si>
    <t>136,946,000</t>
  </si>
  <si>
    <t>172,304,566</t>
  </si>
  <si>
    <t>35,358,566</t>
  </si>
  <si>
    <t>78,221,000</t>
  </si>
  <si>
    <t>83,519,037</t>
  </si>
  <si>
    <t>5,298,037</t>
  </si>
  <si>
    <t>58,724,000</t>
  </si>
  <si>
    <t>88,784,769</t>
  </si>
  <si>
    <t>30,060,769</t>
  </si>
  <si>
    <t>760</t>
  </si>
  <si>
    <t>240</t>
  </si>
  <si>
    <t>林業振興資金</t>
  </si>
  <si>
    <t>48,004,353</t>
  </si>
  <si>
    <t>88,941,647</t>
  </si>
  <si>
    <t>83,000,000</t>
  </si>
  <si>
    <t>48,000,000</t>
  </si>
  <si>
    <t>35,000,000</t>
  </si>
  <si>
    <t>60,000</t>
  </si>
  <si>
    <t>4,353</t>
  </si>
  <si>
    <t>55,647</t>
  </si>
  <si>
    <t>53,886,000</t>
  </si>
  <si>
    <t>124,300,213円</t>
  </si>
  <si>
    <t>令和２年度神奈川県災害救助基金会計歳入歳出決算書</t>
  </si>
  <si>
    <t>災害救助基金</t>
  </si>
  <si>
    <t>582,039,000</t>
  </si>
  <si>
    <t>40,213,005</t>
  </si>
  <si>
    <t>541,825,995</t>
  </si>
  <si>
    <t>361,014</t>
  </si>
  <si>
    <t>638,986</t>
  </si>
  <si>
    <t>311,808,000</t>
  </si>
  <si>
    <t>29,215,321</t>
  </si>
  <si>
    <t>282,592,679</t>
  </si>
  <si>
    <t>258,528,000</t>
  </si>
  <si>
    <t>10,702,000</t>
  </si>
  <si>
    <t>10,636,670</t>
  </si>
  <si>
    <t>65,330</t>
  </si>
  <si>
    <t>災害救助費</t>
  </si>
  <si>
    <t>救助費</t>
  </si>
  <si>
    <t>541,039,000</t>
  </si>
  <si>
    <t>21,486,183</t>
  </si>
  <si>
    <t>519,552,817</t>
  </si>
  <si>
    <t>財産費</t>
  </si>
  <si>
    <t>41,000,000</t>
  </si>
  <si>
    <t>18,726,822</t>
  </si>
  <si>
    <t>22,273,178</t>
  </si>
  <si>
    <t>令和２年度神奈川県地方消費税清算会計歳入歳出決算書</t>
  </si>
  <si>
    <t>699,013,183,000</t>
  </si>
  <si>
    <t>701,447,916,609</t>
  </si>
  <si>
    <t>2,434,733,609</t>
  </si>
  <si>
    <t>348,222,502,000</t>
  </si>
  <si>
    <t>350,657,340,883</t>
  </si>
  <si>
    <t>2,434,838,883</t>
  </si>
  <si>
    <t>350,790,681,000</t>
  </si>
  <si>
    <t>350,790,575,726</t>
  </si>
  <si>
    <t>105,274</t>
  </si>
  <si>
    <t>699,013,135,108</t>
  </si>
  <si>
    <t>47,892</t>
  </si>
  <si>
    <t>2,434,781,501円</t>
  </si>
  <si>
    <t>令和２年度神奈川県公営競技収益配分金等管理会計歳入歳出決算書</t>
  </si>
  <si>
    <t>4,037,878,000</t>
  </si>
  <si>
    <t>4,037,880,042</t>
  </si>
  <si>
    <t>2,042</t>
  </si>
  <si>
    <t>4,020,000,000</t>
  </si>
  <si>
    <t>17,878,000</t>
  </si>
  <si>
    <t>17,879,876</t>
  </si>
  <si>
    <t>1,876</t>
  </si>
  <si>
    <t>166</t>
  </si>
  <si>
    <t>17,880,042円</t>
  </si>
  <si>
    <t>令和２年度神奈川県公債管理特別会計歳入歳出決算書</t>
  </si>
  <si>
    <t>公債管理収入</t>
  </si>
  <si>
    <t>650,347,805,000</t>
  </si>
  <si>
    <t>650,178,921,519</t>
  </si>
  <si>
    <t>168,883,481</t>
  </si>
  <si>
    <t>6,720,349,000</t>
  </si>
  <si>
    <t>6,719,300,128</t>
  </si>
  <si>
    <t>1,048,872</t>
  </si>
  <si>
    <t>447,676,456,000</t>
  </si>
  <si>
    <t>447,508,621,391</t>
  </si>
  <si>
    <t>167,834,609</t>
  </si>
  <si>
    <t>195,951,000,000</t>
  </si>
  <si>
    <t>公債管理費</t>
  </si>
  <si>
    <t>令和２年度神奈川県市町村自治振興事業会計歳入歳出決算書</t>
  </si>
  <si>
    <t>9,965,085,000</t>
  </si>
  <si>
    <t>10,119,312,920</t>
  </si>
  <si>
    <t>154,227,920</t>
  </si>
  <si>
    <t>5,753,006,000</t>
  </si>
  <si>
    <t>5,762,161,726</t>
  </si>
  <si>
    <t>9,155,726</t>
  </si>
  <si>
    <t>3,437,856,000</t>
  </si>
  <si>
    <t>3,424,084,712</t>
  </si>
  <si>
    <t>13,771,288</t>
  </si>
  <si>
    <t>774,023,000</t>
  </si>
  <si>
    <t>933,004,309</t>
  </si>
  <si>
    <t>158,981,309</t>
  </si>
  <si>
    <t>200,000</t>
  </si>
  <si>
    <t>62,173</t>
  </si>
  <si>
    <t>137,827</t>
  </si>
  <si>
    <t>7,208,038,826</t>
  </si>
  <si>
    <t>2,515,300,000</t>
  </si>
  <si>
    <t>241,746,174</t>
  </si>
  <si>
    <t>2,757,046,174</t>
  </si>
  <si>
    <t>8,675,943,000</t>
  </si>
  <si>
    <t>5,932,669,590</t>
  </si>
  <si>
    <t>227,973,410</t>
  </si>
  <si>
    <t>2,743,273,410</t>
  </si>
  <si>
    <t>824,671,000</t>
  </si>
  <si>
    <t>810,899,712</t>
  </si>
  <si>
    <t>338,271,000</t>
  </si>
  <si>
    <t>338,270,124</t>
  </si>
  <si>
    <t>876</t>
  </si>
  <si>
    <t>126,200,000</t>
  </si>
  <si>
    <t>126,199,400</t>
  </si>
  <si>
    <t>600</t>
  </si>
  <si>
    <t>2,911,274,094円</t>
  </si>
  <si>
    <t>市町村振興
事業費</t>
    <phoneticPr fontId="2"/>
  </si>
  <si>
    <t>権限移譲等
推進事業費</t>
    <phoneticPr fontId="2"/>
  </si>
  <si>
    <t>貸付債権受取
利益移転事業費</t>
    <phoneticPr fontId="2"/>
  </si>
  <si>
    <t>公営競技収益配分金等
管理収入</t>
    <phoneticPr fontId="2"/>
  </si>
  <si>
    <t>収益配分金
収入</t>
    <phoneticPr fontId="2"/>
  </si>
  <si>
    <t>公営競技収益
配分金等管理費</t>
    <phoneticPr fontId="2"/>
  </si>
  <si>
    <t>地方消費税
清算収入</t>
    <phoneticPr fontId="2"/>
  </si>
  <si>
    <t>地方消費税
収入</t>
    <phoneticPr fontId="2"/>
  </si>
  <si>
    <t>地方消費税
清算金収入</t>
    <phoneticPr fontId="2"/>
  </si>
  <si>
    <t>地方消費税
清算費</t>
    <phoneticPr fontId="2"/>
  </si>
  <si>
    <t>地方消費税
清算費</t>
    <phoneticPr fontId="2"/>
  </si>
  <si>
    <t>保全・再生
事業費</t>
    <phoneticPr fontId="2"/>
  </si>
  <si>
    <t>沿岸漁業改善
資金</t>
    <phoneticPr fontId="2"/>
  </si>
  <si>
    <t>介護保険財政
安定化費</t>
    <phoneticPr fontId="2"/>
  </si>
  <si>
    <t>分担金及び
負担金</t>
    <phoneticPr fontId="2"/>
  </si>
  <si>
    <t>国民健康保険
事業費</t>
    <phoneticPr fontId="2"/>
  </si>
  <si>
    <t>国民健康保険
事業費</t>
    <phoneticPr fontId="2"/>
  </si>
  <si>
    <t>県営住宅
事業収入</t>
    <phoneticPr fontId="2"/>
  </si>
  <si>
    <t>使用料及び
手数料</t>
    <phoneticPr fontId="2"/>
  </si>
  <si>
    <t>県営住宅
事業費</t>
    <phoneticPr fontId="2"/>
  </si>
  <si>
    <t>7,561_x000D_
650,562,735</t>
    <phoneticPr fontId="2"/>
  </si>
  <si>
    <t>7,561_x000D_
486,049,705</t>
    <phoneticPr fontId="2"/>
  </si>
  <si>
    <t>7,561_x000D_
650,562,735</t>
    <phoneticPr fontId="2"/>
  </si>
  <si>
    <t>市町村自治
振興事業収入</t>
    <phoneticPr fontId="2"/>
  </si>
  <si>
    <t>市町村自治
振興事業費</t>
    <phoneticPr fontId="2"/>
  </si>
  <si>
    <t>母子父子寡婦
福祉資金</t>
    <phoneticPr fontId="2"/>
  </si>
  <si>
    <t>令和２年度地方独立行政法人神奈川県立病院機構資金会計歳入歳出決算書</t>
    <rPh sb="5" eb="13">
      <t>チホウドクリツギョウセイホウジン</t>
    </rPh>
    <phoneticPr fontId="2"/>
  </si>
  <si>
    <t>分担金及び
負担金</t>
    <phoneticPr fontId="2"/>
  </si>
  <si>
    <t>　令和 ３ 年 ９ 月 27 日　提出</t>
    <rPh sb="1" eb="3">
      <t>レイワ</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15">
    <font>
      <sz val="11"/>
      <name val="ＭＳ 明朝"/>
      <family val="1"/>
      <charset val="128"/>
    </font>
    <font>
      <sz val="13"/>
      <name val="ＭＳ ゴシック"/>
      <family val="3"/>
      <charset val="128"/>
    </font>
    <font>
      <sz val="6"/>
      <name val="ＭＳ 明朝"/>
      <family val="1"/>
      <charset val="128"/>
    </font>
    <font>
      <sz val="14"/>
      <name val="ＭＳ ゴシック"/>
      <family val="3"/>
      <charset val="128"/>
    </font>
    <font>
      <sz val="8"/>
      <name val="ＭＳ ゴシック"/>
      <family val="3"/>
      <charset val="128"/>
    </font>
    <font>
      <sz val="14"/>
      <name val="ＭＳ 明朝"/>
      <family val="1"/>
      <charset val="128"/>
    </font>
    <font>
      <sz val="8"/>
      <name val="ＭＳ 明朝"/>
      <family val="1"/>
      <charset val="128"/>
    </font>
    <font>
      <sz val="6"/>
      <name val="ＭＳ Ｐゴシック"/>
      <family val="3"/>
      <charset val="128"/>
    </font>
    <font>
      <sz val="8"/>
      <name val="ＭＳ　ゴシック"/>
      <family val="3"/>
      <charset val="128"/>
    </font>
    <font>
      <sz val="12"/>
      <name val="ＭＳ 明朝"/>
      <family val="1"/>
      <charset val="128"/>
    </font>
    <font>
      <sz val="17"/>
      <name val="ＭＳ 明朝"/>
      <family val="1"/>
      <charset val="128"/>
    </font>
    <font>
      <sz val="11"/>
      <name val="ＭＳ ゴシック"/>
      <family val="3"/>
      <charset val="128"/>
    </font>
    <font>
      <sz val="8"/>
      <color theme="0"/>
      <name val="ＭＳ ゴシック"/>
      <family val="3"/>
      <charset val="128"/>
    </font>
    <font>
      <sz val="8"/>
      <color theme="0"/>
      <name val="ＭＳ 明朝"/>
      <family val="1"/>
      <charset val="128"/>
    </font>
    <font>
      <sz val="7"/>
      <name val="ＭＳ ゴシック"/>
      <family val="3"/>
      <charset val="128"/>
    </font>
  </fonts>
  <fills count="2">
    <fill>
      <patternFill patternType="none"/>
    </fill>
    <fill>
      <patternFill patternType="gray125"/>
    </fill>
  </fills>
  <borders count="33">
    <border>
      <left/>
      <right/>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hair">
        <color indexed="64"/>
      </left>
      <right/>
      <top style="thin">
        <color indexed="64"/>
      </top>
      <bottom/>
      <diagonal/>
    </border>
    <border>
      <left/>
      <right style="hair">
        <color indexed="64"/>
      </right>
      <top style="thin">
        <color indexed="64"/>
      </top>
      <bottom/>
      <diagonal/>
    </border>
    <border>
      <left/>
      <right style="thin">
        <color indexed="64"/>
      </right>
      <top style="thin">
        <color indexed="64"/>
      </top>
      <bottom/>
      <diagonal/>
    </border>
    <border>
      <left style="thin">
        <color indexed="64"/>
      </left>
      <right/>
      <top/>
      <bottom/>
      <diagonal/>
    </border>
    <border>
      <left style="hair">
        <color indexed="64"/>
      </left>
      <right/>
      <top/>
      <bottom/>
      <diagonal/>
    </border>
    <border>
      <left/>
      <right style="hair">
        <color indexed="64"/>
      </right>
      <top/>
      <bottom/>
      <diagonal/>
    </border>
    <border>
      <left/>
      <right style="thin">
        <color indexed="64"/>
      </right>
      <top/>
      <bottom/>
      <diagonal/>
    </border>
    <border>
      <left style="hair">
        <color indexed="64"/>
      </left>
      <right/>
      <top style="hair">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right style="thin">
        <color indexed="64"/>
      </right>
      <top style="thin">
        <color indexed="64"/>
      </top>
      <bottom style="thin">
        <color indexed="64"/>
      </bottom>
      <diagonal/>
    </border>
    <border>
      <left style="hair">
        <color auto="1"/>
      </left>
      <right style="hair">
        <color auto="1"/>
      </right>
      <top/>
      <bottom style="hair">
        <color auto="1"/>
      </bottom>
      <diagonal/>
    </border>
    <border>
      <left style="hair">
        <color auto="1"/>
      </left>
      <right/>
      <top/>
      <bottom style="hair">
        <color auto="1"/>
      </bottom>
      <diagonal/>
    </border>
    <border>
      <left/>
      <right/>
      <top/>
      <bottom style="hair">
        <color auto="1"/>
      </bottom>
      <diagonal/>
    </border>
    <border>
      <left/>
      <right style="hair">
        <color indexed="64"/>
      </right>
      <top/>
      <bottom style="hair">
        <color auto="1"/>
      </bottom>
      <diagonal/>
    </border>
    <border>
      <left style="hair">
        <color auto="1"/>
      </left>
      <right/>
      <top style="hair">
        <color auto="1"/>
      </top>
      <bottom style="hair">
        <color indexed="64"/>
      </bottom>
      <diagonal/>
    </border>
    <border>
      <left/>
      <right style="thin">
        <color indexed="64"/>
      </right>
      <top/>
      <bottom style="hair">
        <color auto="1"/>
      </bottom>
      <diagonal/>
    </border>
    <border>
      <left/>
      <right/>
      <top style="thin">
        <color indexed="64"/>
      </top>
      <bottom style="thin">
        <color indexed="64"/>
      </bottom>
      <diagonal/>
    </border>
    <border>
      <left style="hair">
        <color auto="1"/>
      </left>
      <right style="hair">
        <color auto="1"/>
      </right>
      <top/>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right/>
      <top style="hair">
        <color auto="1"/>
      </top>
      <bottom style="hair">
        <color auto="1"/>
      </bottom>
      <diagonal/>
    </border>
    <border>
      <left/>
      <right style="hair">
        <color indexed="64"/>
      </right>
      <top style="hair">
        <color auto="1"/>
      </top>
      <bottom style="hair">
        <color auto="1"/>
      </bottom>
      <diagonal/>
    </border>
  </borders>
  <cellStyleXfs count="1">
    <xf numFmtId="0" fontId="0" fillId="0" borderId="0"/>
  </cellStyleXfs>
  <cellXfs count="171">
    <xf numFmtId="0" fontId="0" fillId="0" borderId="0" xfId="0"/>
    <xf numFmtId="49" fontId="1" fillId="0" borderId="0" xfId="0" applyNumberFormat="1" applyFont="1" applyBorder="1" applyAlignment="1">
      <alignment vertical="center"/>
    </xf>
    <xf numFmtId="49" fontId="3" fillId="0" borderId="0" xfId="0" applyNumberFormat="1" applyFont="1" applyBorder="1" applyAlignment="1">
      <alignment vertical="center"/>
    </xf>
    <xf numFmtId="0" fontId="0" fillId="0" borderId="0" xfId="0" applyFont="1"/>
    <xf numFmtId="49" fontId="6" fillId="0" borderId="0" xfId="0" applyNumberFormat="1" applyFont="1" applyBorder="1" applyAlignment="1">
      <alignment vertical="center"/>
    </xf>
    <xf numFmtId="0" fontId="6" fillId="0" borderId="0" xfId="0" applyFont="1"/>
    <xf numFmtId="0" fontId="0" fillId="0" borderId="0" xfId="0" applyAlignment="1"/>
    <xf numFmtId="0" fontId="9" fillId="0" borderId="0" xfId="0" applyFont="1"/>
    <xf numFmtId="0" fontId="3" fillId="0" borderId="0" xfId="0" applyNumberFormat="1" applyFont="1" applyBorder="1" applyAlignment="1">
      <alignment vertical="center"/>
    </xf>
    <xf numFmtId="0" fontId="4" fillId="0" borderId="0" xfId="0" applyNumberFormat="1" applyFont="1" applyBorder="1" applyAlignment="1">
      <alignment horizontal="right" vertical="center"/>
    </xf>
    <xf numFmtId="0" fontId="5" fillId="0" borderId="0" xfId="0" applyNumberFormat="1" applyFont="1" applyBorder="1" applyAlignment="1">
      <alignment vertical="center"/>
    </xf>
    <xf numFmtId="0" fontId="5" fillId="0" borderId="0" xfId="0" applyNumberFormat="1" applyFont="1" applyAlignment="1">
      <alignment vertical="center"/>
    </xf>
    <xf numFmtId="0" fontId="5" fillId="0" borderId="0" xfId="0" applyNumberFormat="1" applyFont="1" applyBorder="1" applyAlignment="1" applyProtection="1">
      <alignment vertical="top"/>
    </xf>
    <xf numFmtId="0" fontId="0" fillId="0" borderId="0" xfId="0" applyNumberFormat="1" applyFont="1"/>
    <xf numFmtId="0" fontId="6" fillId="0" borderId="0" xfId="0" applyNumberFormat="1" applyFont="1"/>
    <xf numFmtId="0" fontId="6" fillId="0" borderId="0" xfId="0" applyNumberFormat="1" applyFont="1" applyBorder="1" applyAlignment="1">
      <alignment horizontal="right" vertical="center"/>
    </xf>
    <xf numFmtId="0" fontId="6" fillId="0" borderId="0" xfId="0" applyNumberFormat="1" applyFont="1" applyBorder="1" applyAlignment="1">
      <alignment horizontal="left" vertical="center"/>
    </xf>
    <xf numFmtId="0" fontId="8" fillId="0" borderId="0" xfId="0" applyNumberFormat="1" applyFont="1" applyBorder="1" applyAlignment="1">
      <alignment horizontal="right" vertical="center"/>
    </xf>
    <xf numFmtId="0" fontId="8" fillId="0" borderId="0" xfId="0" applyNumberFormat="1" applyFont="1" applyBorder="1" applyAlignment="1">
      <alignment horizontal="right" vertical="center" shrinkToFit="1"/>
    </xf>
    <xf numFmtId="0" fontId="0" fillId="0" borderId="0" xfId="0" applyNumberFormat="1" applyBorder="1"/>
    <xf numFmtId="0" fontId="0" fillId="0" borderId="0" xfId="0" applyNumberFormat="1"/>
    <xf numFmtId="0" fontId="6" fillId="0" borderId="0" xfId="0" applyNumberFormat="1" applyFont="1" applyBorder="1" applyAlignment="1">
      <alignment horizontal="distributed" vertical="center"/>
    </xf>
    <xf numFmtId="0" fontId="6" fillId="0" borderId="0" xfId="0" applyNumberFormat="1" applyFont="1" applyBorder="1" applyAlignment="1">
      <alignment horizontal="right" vertical="center" shrinkToFit="1"/>
    </xf>
    <xf numFmtId="0" fontId="6" fillId="0" borderId="0" xfId="0" applyNumberFormat="1" applyFont="1" applyBorder="1" applyAlignment="1">
      <alignment horizontal="left" vertical="center" wrapText="1"/>
    </xf>
    <xf numFmtId="0" fontId="6" fillId="0" borderId="0" xfId="0" applyNumberFormat="1" applyFont="1" applyBorder="1" applyAlignment="1">
      <alignment horizontal="right" vertical="center" wrapText="1"/>
    </xf>
    <xf numFmtId="0" fontId="4" fillId="0" borderId="0" xfId="0" applyNumberFormat="1" applyFont="1" applyBorder="1" applyAlignment="1">
      <alignment vertical="center" justifyLastLine="1"/>
    </xf>
    <xf numFmtId="0" fontId="8" fillId="0" borderId="0" xfId="0" applyNumberFormat="1" applyFont="1" applyBorder="1" applyAlignment="1">
      <alignment horizontal="left" vertical="center"/>
    </xf>
    <xf numFmtId="0" fontId="0" fillId="0" borderId="0" xfId="0" applyNumberFormat="1" applyBorder="1" applyAlignment="1"/>
    <xf numFmtId="0" fontId="0" fillId="0" borderId="0" xfId="0" applyNumberFormat="1" applyAlignment="1"/>
    <xf numFmtId="0" fontId="6" fillId="0" borderId="8" xfId="0" applyNumberFormat="1" applyFont="1" applyBorder="1" applyAlignment="1">
      <alignment horizontal="right" vertical="center"/>
    </xf>
    <xf numFmtId="0" fontId="6" fillId="0" borderId="0" xfId="0" applyNumberFormat="1" applyFont="1" applyBorder="1"/>
    <xf numFmtId="0" fontId="6" fillId="0" borderId="19" xfId="0" applyNumberFormat="1" applyFont="1" applyBorder="1" applyAlignment="1">
      <alignment horizontal="right" vertical="center"/>
    </xf>
    <xf numFmtId="0" fontId="1" fillId="0" borderId="0" xfId="0" applyNumberFormat="1" applyFont="1" applyBorder="1" applyAlignment="1">
      <alignment vertical="center"/>
    </xf>
    <xf numFmtId="0" fontId="4" fillId="0" borderId="0" xfId="0" applyNumberFormat="1" applyFont="1" applyBorder="1" applyAlignment="1">
      <alignment vertical="center"/>
    </xf>
    <xf numFmtId="0" fontId="6" fillId="0" borderId="3" xfId="0" applyNumberFormat="1" applyFont="1" applyBorder="1" applyAlignment="1">
      <alignment vertical="center"/>
    </xf>
    <xf numFmtId="0" fontId="6" fillId="0" borderId="5" xfId="0" applyNumberFormat="1" applyFont="1" applyBorder="1" applyAlignment="1">
      <alignment horizontal="right" vertical="center"/>
    </xf>
    <xf numFmtId="0" fontId="6" fillId="0" borderId="19" xfId="0" applyNumberFormat="1" applyFont="1" applyBorder="1" applyAlignment="1">
      <alignment vertical="center"/>
    </xf>
    <xf numFmtId="0" fontId="4" fillId="0" borderId="0" xfId="0" applyNumberFormat="1" applyFont="1" applyBorder="1" applyAlignment="1">
      <alignment horizontal="distributed" vertical="center" justifyLastLine="1"/>
    </xf>
    <xf numFmtId="0" fontId="9" fillId="0" borderId="0" xfId="0" applyNumberFormat="1" applyFont="1" applyBorder="1"/>
    <xf numFmtId="0" fontId="9" fillId="0" borderId="0" xfId="0" applyNumberFormat="1" applyFont="1" applyBorder="1" applyAlignment="1">
      <alignment vertical="distributed"/>
    </xf>
    <xf numFmtId="0" fontId="9" fillId="0" borderId="0" xfId="0" applyNumberFormat="1" applyFont="1"/>
    <xf numFmtId="0" fontId="9" fillId="0" borderId="0" xfId="0" applyNumberFormat="1" applyFont="1" applyBorder="1" applyAlignment="1">
      <alignment horizontal="right"/>
    </xf>
    <xf numFmtId="0" fontId="9" fillId="0" borderId="0" xfId="0" applyNumberFormat="1" applyFont="1" applyBorder="1" applyAlignment="1"/>
    <xf numFmtId="0" fontId="9" fillId="0" borderId="0" xfId="0" applyNumberFormat="1" applyFont="1" applyBorder="1" applyAlignment="1">
      <alignment horizontal="distributed"/>
    </xf>
    <xf numFmtId="0" fontId="9" fillId="0" borderId="0" xfId="0" applyNumberFormat="1" applyFont="1" applyBorder="1" applyAlignment="1">
      <alignment horizontal="left"/>
    </xf>
    <xf numFmtId="0" fontId="6" fillId="0" borderId="9" xfId="0" applyNumberFormat="1" applyFont="1" applyBorder="1" applyAlignment="1">
      <alignment vertical="center"/>
    </xf>
    <xf numFmtId="0" fontId="6" fillId="0" borderId="9" xfId="0" applyNumberFormat="1" applyFont="1" applyBorder="1" applyAlignment="1">
      <alignment horizontal="right" vertical="center"/>
    </xf>
    <xf numFmtId="0" fontId="8" fillId="0" borderId="0" xfId="0" applyNumberFormat="1" applyFont="1" applyBorder="1" applyAlignment="1">
      <alignment horizontal="right" vertical="center" shrinkToFit="1"/>
    </xf>
    <xf numFmtId="0" fontId="6" fillId="0" borderId="0" xfId="0" applyNumberFormat="1" applyFont="1" applyBorder="1" applyAlignment="1">
      <alignment horizontal="right" vertical="center"/>
    </xf>
    <xf numFmtId="0" fontId="9" fillId="0" borderId="0" xfId="0" applyNumberFormat="1" applyFont="1" applyBorder="1" applyAlignment="1">
      <alignment horizontal="distributed"/>
    </xf>
    <xf numFmtId="0" fontId="6" fillId="0" borderId="11" xfId="0" applyNumberFormat="1" applyFont="1" applyBorder="1" applyAlignment="1">
      <alignment horizontal="right" vertical="center"/>
    </xf>
    <xf numFmtId="0" fontId="4" fillId="0" borderId="0" xfId="0" applyNumberFormat="1" applyFont="1" applyBorder="1" applyAlignment="1">
      <alignment horizontal="distributed" vertical="center" wrapText="1"/>
    </xf>
    <xf numFmtId="0" fontId="6" fillId="0" borderId="23" xfId="0" applyNumberFormat="1" applyFont="1" applyBorder="1" applyAlignment="1">
      <alignment horizontal="right" vertical="center"/>
    </xf>
    <xf numFmtId="0" fontId="4" fillId="0" borderId="19" xfId="0" applyNumberFormat="1" applyFont="1" applyBorder="1" applyAlignment="1">
      <alignment horizontal="right" vertical="center" shrinkToFit="1"/>
    </xf>
    <xf numFmtId="0" fontId="11" fillId="0" borderId="19" xfId="0" applyNumberFormat="1" applyFont="1" applyBorder="1"/>
    <xf numFmtId="0" fontId="4" fillId="0" borderId="19" xfId="0" applyNumberFormat="1" applyFont="1" applyBorder="1" applyAlignment="1">
      <alignment horizontal="right" vertical="center"/>
    </xf>
    <xf numFmtId="0" fontId="4" fillId="0" borderId="23" xfId="0" applyNumberFormat="1" applyFont="1" applyBorder="1" applyAlignment="1">
      <alignment horizontal="right" vertical="center"/>
    </xf>
    <xf numFmtId="0" fontId="6" fillId="0" borderId="19" xfId="0" applyNumberFormat="1" applyFont="1" applyBorder="1" applyAlignment="1">
      <alignment horizontal="right" vertical="center" shrinkToFit="1"/>
    </xf>
    <xf numFmtId="0" fontId="0" fillId="0" borderId="22" xfId="0" applyNumberFormat="1" applyFont="1" applyBorder="1"/>
    <xf numFmtId="0" fontId="4" fillId="0" borderId="15" xfId="0" applyNumberFormat="1" applyFont="1" applyBorder="1" applyAlignment="1">
      <alignment horizontal="right" vertical="center" shrinkToFit="1"/>
    </xf>
    <xf numFmtId="0" fontId="11" fillId="0" borderId="15" xfId="0" applyNumberFormat="1" applyFont="1" applyBorder="1"/>
    <xf numFmtId="0" fontId="4" fillId="0" borderId="15" xfId="0" applyNumberFormat="1" applyFont="1" applyBorder="1" applyAlignment="1">
      <alignment horizontal="right" vertical="center"/>
    </xf>
    <xf numFmtId="0" fontId="4" fillId="0" borderId="17" xfId="0" applyNumberFormat="1" applyFont="1" applyBorder="1" applyAlignment="1">
      <alignment horizontal="right" vertical="center"/>
    </xf>
    <xf numFmtId="0" fontId="4" fillId="0" borderId="8" xfId="0" applyNumberFormat="1" applyFont="1" applyBorder="1" applyAlignment="1">
      <alignment horizontal="right" vertical="center"/>
    </xf>
    <xf numFmtId="0" fontId="4" fillId="0" borderId="8" xfId="0" applyNumberFormat="1" applyFont="1" applyBorder="1" applyAlignment="1">
      <alignment vertical="center"/>
    </xf>
    <xf numFmtId="0" fontId="4" fillId="0" borderId="19" xfId="0" applyNumberFormat="1" applyFont="1" applyBorder="1" applyAlignment="1">
      <alignment vertical="center"/>
    </xf>
    <xf numFmtId="0" fontId="4" fillId="0" borderId="15" xfId="0" applyNumberFormat="1" applyFont="1" applyBorder="1" applyAlignment="1">
      <alignment vertical="center"/>
    </xf>
    <xf numFmtId="0" fontId="4" fillId="0" borderId="17" xfId="0" applyNumberFormat="1" applyFont="1" applyBorder="1" applyAlignment="1">
      <alignment horizontal="right" vertical="center"/>
    </xf>
    <xf numFmtId="0" fontId="6" fillId="0" borderId="9" xfId="0" applyNumberFormat="1" applyFont="1" applyBorder="1" applyAlignment="1">
      <alignment horizontal="right" vertical="center" shrinkToFit="1"/>
    </xf>
    <xf numFmtId="0" fontId="0" fillId="0" borderId="12" xfId="0" applyNumberFormat="1" applyFont="1" applyBorder="1"/>
    <xf numFmtId="0" fontId="0" fillId="0" borderId="0" xfId="0" applyNumberFormat="1" applyFont="1" applyBorder="1"/>
    <xf numFmtId="0" fontId="11" fillId="0" borderId="0" xfId="0" applyFont="1" applyAlignment="1"/>
    <xf numFmtId="0" fontId="12" fillId="0" borderId="8" xfId="0" applyNumberFormat="1" applyFont="1" applyBorder="1" applyAlignment="1">
      <alignment horizontal="right" vertical="center"/>
    </xf>
    <xf numFmtId="0" fontId="12" fillId="0" borderId="8" xfId="0" applyNumberFormat="1" applyFont="1" applyBorder="1" applyAlignment="1">
      <alignment vertical="center"/>
    </xf>
    <xf numFmtId="0" fontId="12" fillId="0" borderId="15" xfId="0" applyNumberFormat="1" applyFont="1" applyBorder="1" applyAlignment="1">
      <alignment vertical="center"/>
    </xf>
    <xf numFmtId="0" fontId="12" fillId="0" borderId="15" xfId="0" applyNumberFormat="1" applyFont="1" applyBorder="1" applyAlignment="1">
      <alignment horizontal="right" vertical="center"/>
    </xf>
    <xf numFmtId="0" fontId="14" fillId="0" borderId="0" xfId="0" applyNumberFormat="1" applyFont="1" applyBorder="1" applyAlignment="1">
      <alignment horizontal="distributed" vertical="center" wrapText="1"/>
    </xf>
    <xf numFmtId="0" fontId="6" fillId="0" borderId="31" xfId="0" applyNumberFormat="1" applyFont="1" applyBorder="1" applyAlignment="1">
      <alignment horizontal="right" vertical="center"/>
    </xf>
    <xf numFmtId="0" fontId="6" fillId="0" borderId="32" xfId="0" applyNumberFormat="1" applyFont="1" applyBorder="1" applyAlignment="1">
      <alignment horizontal="right" vertical="center"/>
    </xf>
    <xf numFmtId="0" fontId="6" fillId="0" borderId="22" xfId="0" applyNumberFormat="1" applyFont="1" applyBorder="1" applyAlignment="1">
      <alignment horizontal="right" vertical="center"/>
    </xf>
    <xf numFmtId="0" fontId="6" fillId="0" borderId="22" xfId="0" applyNumberFormat="1" applyFont="1" applyBorder="1" applyAlignment="1">
      <alignment horizontal="right" vertical="center" wrapText="1"/>
    </xf>
    <xf numFmtId="0" fontId="6" fillId="0" borderId="31" xfId="0" applyNumberFormat="1" applyFont="1" applyBorder="1" applyAlignment="1">
      <alignment horizontal="right" vertical="center" wrapText="1"/>
    </xf>
    <xf numFmtId="0" fontId="6" fillId="0" borderId="32" xfId="0" applyNumberFormat="1" applyFont="1" applyBorder="1" applyAlignment="1">
      <alignment horizontal="right" vertical="center" wrapText="1"/>
    </xf>
    <xf numFmtId="0" fontId="6" fillId="0" borderId="31" xfId="0" applyNumberFormat="1" applyFont="1" applyBorder="1" applyAlignment="1">
      <alignment horizontal="distributed" vertical="center" shrinkToFit="1"/>
    </xf>
    <xf numFmtId="0" fontId="6" fillId="0" borderId="32" xfId="0" applyNumberFormat="1" applyFont="1" applyBorder="1" applyAlignment="1">
      <alignment horizontal="distributed" vertical="center" shrinkToFit="1"/>
    </xf>
    <xf numFmtId="0" fontId="6" fillId="0" borderId="22" xfId="0" applyNumberFormat="1" applyFont="1" applyBorder="1" applyAlignment="1">
      <alignment horizontal="center" vertical="center"/>
    </xf>
    <xf numFmtId="0" fontId="6" fillId="0" borderId="31" xfId="0" applyNumberFormat="1" applyFont="1" applyBorder="1" applyAlignment="1">
      <alignment horizontal="center" vertical="center"/>
    </xf>
    <xf numFmtId="0" fontId="6" fillId="0" borderId="1" xfId="0" applyNumberFormat="1" applyFont="1" applyBorder="1" applyAlignment="1">
      <alignment horizontal="right" vertical="center"/>
    </xf>
    <xf numFmtId="0" fontId="6" fillId="0" borderId="1" xfId="0" applyNumberFormat="1" applyFont="1" applyBorder="1" applyAlignment="1" applyProtection="1">
      <alignment horizontal="right" vertical="center"/>
    </xf>
    <xf numFmtId="0" fontId="6" fillId="0" borderId="1" xfId="0" applyNumberFormat="1" applyFont="1" applyBorder="1" applyAlignment="1">
      <alignment horizontal="right"/>
    </xf>
    <xf numFmtId="0" fontId="4" fillId="0" borderId="18" xfId="0" applyNumberFormat="1" applyFont="1" applyBorder="1" applyAlignment="1">
      <alignment horizontal="right" vertical="center"/>
    </xf>
    <xf numFmtId="0" fontId="4" fillId="0" borderId="20" xfId="0" applyNumberFormat="1" applyFont="1" applyBorder="1" applyAlignment="1">
      <alignment horizontal="right" vertical="center"/>
    </xf>
    <xf numFmtId="0" fontId="4" fillId="0" borderId="21" xfId="0" applyNumberFormat="1" applyFont="1" applyBorder="1" applyAlignment="1">
      <alignment horizontal="right" vertical="center"/>
    </xf>
    <xf numFmtId="0" fontId="6" fillId="0" borderId="19" xfId="0" applyNumberFormat="1" applyFont="1" applyBorder="1" applyAlignment="1">
      <alignment horizontal="center" vertical="center"/>
    </xf>
    <xf numFmtId="0" fontId="6" fillId="0" borderId="20" xfId="0" applyNumberFormat="1" applyFont="1" applyBorder="1" applyAlignment="1">
      <alignment horizontal="center" vertical="center"/>
    </xf>
    <xf numFmtId="0" fontId="4" fillId="0" borderId="20" xfId="0" applyNumberFormat="1" applyFont="1" applyBorder="1" applyAlignment="1">
      <alignment horizontal="distributed" vertical="center" shrinkToFit="1"/>
    </xf>
    <xf numFmtId="0" fontId="4" fillId="0" borderId="21" xfId="0" applyNumberFormat="1" applyFont="1" applyBorder="1" applyAlignment="1">
      <alignment horizontal="distributed" vertical="center" shrinkToFit="1"/>
    </xf>
    <xf numFmtId="0" fontId="4" fillId="0" borderId="18" xfId="0" applyNumberFormat="1" applyFont="1" applyBorder="1" applyAlignment="1">
      <alignment horizontal="right" vertical="center" wrapText="1"/>
    </xf>
    <xf numFmtId="0" fontId="6" fillId="0" borderId="18" xfId="0" applyNumberFormat="1" applyFont="1" applyBorder="1" applyAlignment="1">
      <alignment horizontal="right" vertical="center"/>
    </xf>
    <xf numFmtId="0" fontId="6" fillId="0" borderId="20" xfId="0" applyNumberFormat="1" applyFont="1" applyBorder="1" applyAlignment="1">
      <alignment horizontal="right" vertical="center"/>
    </xf>
    <xf numFmtId="0" fontId="6" fillId="0" borderId="21" xfId="0" applyNumberFormat="1" applyFont="1" applyBorder="1" applyAlignment="1">
      <alignment horizontal="right" vertical="center"/>
    </xf>
    <xf numFmtId="0" fontId="6" fillId="0" borderId="20" xfId="0" applyNumberFormat="1" applyFont="1" applyBorder="1" applyAlignment="1">
      <alignment horizontal="distributed" vertical="center" shrinkToFit="1"/>
    </xf>
    <xf numFmtId="0" fontId="6" fillId="0" borderId="21" xfId="0" applyNumberFormat="1" applyFont="1" applyBorder="1" applyAlignment="1">
      <alignment horizontal="distributed" vertical="center" shrinkToFit="1"/>
    </xf>
    <xf numFmtId="0" fontId="6" fillId="0" borderId="18" xfId="0" applyNumberFormat="1" applyFont="1" applyBorder="1" applyAlignment="1">
      <alignment horizontal="right" vertical="center" wrapText="1"/>
    </xf>
    <xf numFmtId="0" fontId="6" fillId="0" borderId="2" xfId="0" applyNumberFormat="1" applyFont="1" applyBorder="1" applyAlignment="1">
      <alignment horizontal="right"/>
    </xf>
    <xf numFmtId="0" fontId="6" fillId="0" borderId="14" xfId="0" applyNumberFormat="1" applyFont="1" applyBorder="1" applyAlignment="1" applyProtection="1">
      <alignment horizontal="distributed" vertical="center" justifyLastLine="1"/>
    </xf>
    <xf numFmtId="0" fontId="6" fillId="0" borderId="14" xfId="0" applyNumberFormat="1" applyFont="1" applyBorder="1" applyAlignment="1">
      <alignment horizontal="distributed" vertical="center" justifyLastLine="1"/>
    </xf>
    <xf numFmtId="0" fontId="6" fillId="0" borderId="14" xfId="0" applyNumberFormat="1" applyFont="1" applyBorder="1" applyAlignment="1">
      <alignment horizontal="distributed" vertical="center" wrapText="1"/>
    </xf>
    <xf numFmtId="0" fontId="6" fillId="0" borderId="26" xfId="0" applyNumberFormat="1" applyFont="1" applyBorder="1" applyAlignment="1">
      <alignment horizontal="distributed" vertical="center" wrapText="1"/>
    </xf>
    <xf numFmtId="0" fontId="6" fillId="0" borderId="13" xfId="0" applyNumberFormat="1" applyFont="1" applyBorder="1" applyAlignment="1">
      <alignment horizontal="distributed" vertical="center" justifyLastLine="1"/>
    </xf>
    <xf numFmtId="0" fontId="6" fillId="0" borderId="14" xfId="0" applyNumberFormat="1" applyFont="1" applyBorder="1" applyAlignment="1">
      <alignment horizontal="center" vertical="center" justifyLastLine="1"/>
    </xf>
    <xf numFmtId="0" fontId="6" fillId="0" borderId="9" xfId="0" applyNumberFormat="1" applyFont="1" applyBorder="1" applyAlignment="1">
      <alignment horizontal="center" vertical="center"/>
    </xf>
    <xf numFmtId="0" fontId="6" fillId="0" borderId="0" xfId="0" applyNumberFormat="1" applyFont="1" applyBorder="1" applyAlignment="1">
      <alignment horizontal="center" vertical="center"/>
    </xf>
    <xf numFmtId="0" fontId="6" fillId="0" borderId="0" xfId="0" applyNumberFormat="1" applyFont="1" applyBorder="1" applyAlignment="1">
      <alignment horizontal="distributed" vertical="center" shrinkToFit="1"/>
    </xf>
    <xf numFmtId="0" fontId="6" fillId="0" borderId="10" xfId="0" applyNumberFormat="1" applyFont="1" applyBorder="1" applyAlignment="1">
      <alignment horizontal="distributed" vertical="center" shrinkToFit="1"/>
    </xf>
    <xf numFmtId="0" fontId="6" fillId="0" borderId="25" xfId="0" applyNumberFormat="1" applyFont="1" applyBorder="1" applyAlignment="1">
      <alignment horizontal="right" vertical="center" wrapText="1"/>
    </xf>
    <xf numFmtId="0" fontId="6" fillId="0" borderId="25" xfId="0" applyNumberFormat="1" applyFont="1" applyBorder="1" applyAlignment="1">
      <alignment horizontal="right" vertical="center"/>
    </xf>
    <xf numFmtId="0" fontId="6" fillId="0" borderId="0" xfId="0" applyNumberFormat="1" applyFont="1" applyBorder="1" applyAlignment="1">
      <alignment horizontal="right" vertical="center"/>
    </xf>
    <xf numFmtId="0" fontId="6" fillId="0" borderId="10" xfId="0" applyNumberFormat="1" applyFont="1" applyBorder="1" applyAlignment="1">
      <alignment horizontal="right" vertical="center"/>
    </xf>
    <xf numFmtId="0" fontId="4" fillId="0" borderId="24" xfId="0" applyNumberFormat="1" applyFont="1" applyBorder="1" applyAlignment="1">
      <alignment horizontal="right" vertical="center"/>
    </xf>
    <xf numFmtId="0" fontId="4" fillId="0" borderId="16" xfId="0" applyNumberFormat="1" applyFont="1" applyBorder="1" applyAlignment="1">
      <alignment horizontal="right" vertical="center"/>
    </xf>
    <xf numFmtId="0" fontId="4" fillId="0" borderId="14" xfId="0" applyNumberFormat="1" applyFont="1" applyBorder="1" applyAlignment="1">
      <alignment horizontal="right" vertical="center"/>
    </xf>
    <xf numFmtId="0" fontId="4" fillId="0" borderId="13" xfId="0" applyNumberFormat="1" applyFont="1" applyBorder="1" applyAlignment="1">
      <alignment horizontal="distributed" vertical="center" justifyLastLine="1"/>
    </xf>
    <xf numFmtId="0" fontId="4" fillId="0" borderId="14" xfId="0" applyNumberFormat="1" applyFont="1" applyBorder="1" applyAlignment="1">
      <alignment horizontal="distributed" vertical="center" justifyLastLine="1"/>
    </xf>
    <xf numFmtId="0" fontId="4" fillId="0" borderId="14" xfId="0" applyNumberFormat="1" applyFont="1" applyBorder="1" applyAlignment="1">
      <alignment horizontal="right" vertical="center" wrapText="1"/>
    </xf>
    <xf numFmtId="0" fontId="6" fillId="0" borderId="1" xfId="0" applyNumberFormat="1" applyFont="1" applyBorder="1" applyAlignment="1">
      <alignment horizontal="distributed" vertical="center" justifyLastLine="1"/>
    </xf>
    <xf numFmtId="0" fontId="6" fillId="0" borderId="29" xfId="0" applyNumberFormat="1" applyFont="1" applyBorder="1" applyAlignment="1">
      <alignment horizontal="distributed" vertical="center" justifyLastLine="1"/>
    </xf>
    <xf numFmtId="0" fontId="6" fillId="0" borderId="1" xfId="0" applyNumberFormat="1" applyFont="1" applyBorder="1" applyAlignment="1" applyProtection="1">
      <alignment horizontal="distributed" vertical="center" justifyLastLine="1"/>
    </xf>
    <xf numFmtId="0" fontId="6" fillId="0" borderId="29" xfId="0" applyNumberFormat="1" applyFont="1" applyBorder="1" applyAlignment="1" applyProtection="1">
      <alignment horizontal="distributed" vertical="center" justifyLastLine="1"/>
    </xf>
    <xf numFmtId="0" fontId="6" fillId="0" borderId="1" xfId="0" applyNumberFormat="1" applyFont="1" applyBorder="1" applyAlignment="1">
      <alignment horizontal="distributed" vertical="center" wrapText="1"/>
    </xf>
    <xf numFmtId="0" fontId="6" fillId="0" borderId="1" xfId="0" applyNumberFormat="1" applyFont="1" applyBorder="1" applyAlignment="1">
      <alignment horizontal="distributed" vertical="center"/>
    </xf>
    <xf numFmtId="0" fontId="6" fillId="0" borderId="2" xfId="0" applyNumberFormat="1" applyFont="1" applyBorder="1" applyAlignment="1">
      <alignment horizontal="distributed" vertical="center"/>
    </xf>
    <xf numFmtId="0" fontId="6" fillId="0" borderId="29" xfId="0" applyNumberFormat="1" applyFont="1" applyBorder="1" applyAlignment="1">
      <alignment horizontal="distributed" vertical="center"/>
    </xf>
    <xf numFmtId="0" fontId="6" fillId="0" borderId="30" xfId="0" applyNumberFormat="1" applyFont="1" applyBorder="1" applyAlignment="1">
      <alignment horizontal="distributed" vertical="center"/>
    </xf>
    <xf numFmtId="0" fontId="6" fillId="0" borderId="27" xfId="0" applyNumberFormat="1" applyFont="1" applyBorder="1" applyAlignment="1">
      <alignment horizontal="center" vertical="center" justifyLastLine="1"/>
    </xf>
    <xf numFmtId="0" fontId="6" fillId="0" borderId="1" xfId="0" applyNumberFormat="1" applyFont="1" applyBorder="1" applyAlignment="1">
      <alignment horizontal="center" vertical="center" justifyLastLine="1"/>
    </xf>
    <xf numFmtId="0" fontId="6" fillId="0" borderId="28" xfId="0" applyNumberFormat="1" applyFont="1" applyBorder="1" applyAlignment="1">
      <alignment horizontal="center" vertical="center" justifyLastLine="1"/>
    </xf>
    <xf numFmtId="0" fontId="6" fillId="0" borderId="29" xfId="0" applyNumberFormat="1" applyFont="1" applyBorder="1" applyAlignment="1">
      <alignment horizontal="center" vertical="center" justifyLastLine="1"/>
    </xf>
    <xf numFmtId="0" fontId="6" fillId="0" borderId="4" xfId="0" applyNumberFormat="1" applyFont="1" applyBorder="1" applyAlignment="1">
      <alignment horizontal="center" vertical="center"/>
    </xf>
    <xf numFmtId="0" fontId="6" fillId="0" borderId="6" xfId="0" applyNumberFormat="1" applyFont="1" applyBorder="1" applyAlignment="1">
      <alignment horizontal="center" vertical="center"/>
    </xf>
    <xf numFmtId="0" fontId="6" fillId="0" borderId="5" xfId="0" applyNumberFormat="1" applyFont="1" applyBorder="1" applyAlignment="1">
      <alignment horizontal="center" vertical="center"/>
    </xf>
    <xf numFmtId="0" fontId="13" fillId="0" borderId="4" xfId="0" applyNumberFormat="1" applyFont="1" applyBorder="1" applyAlignment="1">
      <alignment horizontal="right" vertical="center"/>
    </xf>
    <xf numFmtId="0" fontId="13" fillId="0" borderId="6" xfId="0" applyNumberFormat="1" applyFont="1" applyBorder="1" applyAlignment="1">
      <alignment horizontal="right" vertical="center"/>
    </xf>
    <xf numFmtId="0" fontId="6" fillId="0" borderId="4" xfId="0" applyNumberFormat="1" applyFont="1" applyBorder="1" applyAlignment="1">
      <alignment horizontal="right" vertical="center"/>
    </xf>
    <xf numFmtId="0" fontId="6" fillId="0" borderId="6" xfId="0" applyNumberFormat="1" applyFont="1" applyBorder="1" applyAlignment="1">
      <alignment horizontal="right" vertical="center"/>
    </xf>
    <xf numFmtId="0" fontId="6" fillId="0" borderId="7" xfId="0" applyNumberFormat="1" applyFont="1" applyBorder="1" applyAlignment="1">
      <alignment horizontal="right" vertical="center"/>
    </xf>
    <xf numFmtId="0" fontId="6" fillId="0" borderId="11" xfId="0" applyNumberFormat="1" applyFont="1" applyBorder="1" applyAlignment="1">
      <alignment horizontal="right" vertical="center"/>
    </xf>
    <xf numFmtId="0" fontId="4" fillId="0" borderId="0" xfId="0" applyNumberFormat="1" applyFont="1" applyBorder="1" applyAlignment="1">
      <alignment horizontal="distributed" vertical="center" wrapText="1"/>
    </xf>
    <xf numFmtId="0" fontId="4" fillId="0" borderId="10" xfId="0" applyNumberFormat="1" applyFont="1" applyBorder="1" applyAlignment="1">
      <alignment horizontal="distributed" vertical="center" wrapText="1"/>
    </xf>
    <xf numFmtId="0" fontId="6" fillId="0" borderId="0" xfId="0" applyNumberFormat="1" applyFont="1" applyBorder="1" applyAlignment="1">
      <alignment horizontal="distributed" vertical="center"/>
    </xf>
    <xf numFmtId="0" fontId="6" fillId="0" borderId="10" xfId="0" applyNumberFormat="1" applyFont="1" applyBorder="1" applyAlignment="1">
      <alignment horizontal="distributed" vertical="center"/>
    </xf>
    <xf numFmtId="0" fontId="4" fillId="0" borderId="17" xfId="0" applyNumberFormat="1" applyFont="1" applyBorder="1" applyAlignment="1">
      <alignment horizontal="right" vertical="center"/>
    </xf>
    <xf numFmtId="0" fontId="6" fillId="0" borderId="23" xfId="0" applyNumberFormat="1" applyFont="1" applyBorder="1" applyAlignment="1">
      <alignment horizontal="right" vertical="center"/>
    </xf>
    <xf numFmtId="0" fontId="6" fillId="0" borderId="20" xfId="0" applyNumberFormat="1" applyFont="1" applyBorder="1" applyAlignment="1">
      <alignment horizontal="distributed" vertical="center"/>
    </xf>
    <xf numFmtId="0" fontId="6" fillId="0" borderId="21" xfId="0" applyNumberFormat="1" applyFont="1" applyBorder="1" applyAlignment="1">
      <alignment horizontal="distributed" vertical="center"/>
    </xf>
    <xf numFmtId="0" fontId="12" fillId="0" borderId="0" xfId="0" applyNumberFormat="1" applyFont="1" applyBorder="1" applyAlignment="1">
      <alignment horizontal="distributed" vertical="center" wrapText="1"/>
    </xf>
    <xf numFmtId="0" fontId="12" fillId="0" borderId="10" xfId="0" applyNumberFormat="1" applyFont="1" applyBorder="1" applyAlignment="1">
      <alignment horizontal="distributed" vertical="center" wrapText="1"/>
    </xf>
    <xf numFmtId="0" fontId="4" fillId="0" borderId="23" xfId="0" applyNumberFormat="1" applyFont="1" applyBorder="1" applyAlignment="1">
      <alignment horizontal="right" vertical="center"/>
    </xf>
    <xf numFmtId="0" fontId="6" fillId="0" borderId="20" xfId="0" applyNumberFormat="1" applyFont="1" applyBorder="1" applyAlignment="1">
      <alignment horizontal="distributed" vertical="center" wrapText="1"/>
    </xf>
    <xf numFmtId="0" fontId="4" fillId="0" borderId="19" xfId="0" applyNumberFormat="1" applyFont="1" applyBorder="1" applyAlignment="1">
      <alignment horizontal="center" vertical="center"/>
    </xf>
    <xf numFmtId="0" fontId="4" fillId="0" borderId="20" xfId="0" applyNumberFormat="1" applyFont="1" applyBorder="1" applyAlignment="1">
      <alignment horizontal="center" vertical="center"/>
    </xf>
    <xf numFmtId="0" fontId="4" fillId="0" borderId="20" xfId="0" applyNumberFormat="1" applyFont="1" applyBorder="1" applyAlignment="1">
      <alignment horizontal="distributed" vertical="center"/>
    </xf>
    <xf numFmtId="0" fontId="4" fillId="0" borderId="21" xfId="0" applyNumberFormat="1" applyFont="1" applyBorder="1" applyAlignment="1">
      <alignment horizontal="distributed" vertical="center"/>
    </xf>
    <xf numFmtId="0" fontId="9" fillId="0" borderId="0" xfId="0" applyNumberFormat="1" applyFont="1" applyBorder="1" applyAlignment="1">
      <alignment horizontal="distributed" vertical="distributed"/>
    </xf>
    <xf numFmtId="0" fontId="9" fillId="0" borderId="0" xfId="0" applyNumberFormat="1" applyFont="1" applyBorder="1" applyAlignment="1">
      <alignment horizontal="distributed"/>
    </xf>
    <xf numFmtId="0" fontId="10" fillId="0" borderId="0" xfId="0" applyNumberFormat="1" applyFont="1" applyAlignment="1">
      <alignment horizontal="center"/>
    </xf>
    <xf numFmtId="0" fontId="6" fillId="0" borderId="20" xfId="0" applyNumberFormat="1" applyFont="1" applyBorder="1" applyAlignment="1">
      <alignment horizontal="distributed" vertical="center" wrapText="1" shrinkToFit="1"/>
    </xf>
    <xf numFmtId="0" fontId="4" fillId="0" borderId="24" xfId="0" applyNumberFormat="1" applyFont="1" applyBorder="1" applyAlignment="1">
      <alignment horizontal="right" vertical="center" wrapText="1"/>
    </xf>
    <xf numFmtId="0" fontId="6" fillId="0" borderId="20" xfId="0" applyNumberFormat="1" applyFont="1" applyBorder="1" applyAlignment="1">
      <alignment horizontal="right" vertical="center" wrapText="1"/>
    </xf>
    <xf numFmtId="0" fontId="4" fillId="0" borderId="20" xfId="0" applyNumberFormat="1" applyFont="1" applyBorder="1" applyAlignment="1">
      <alignment horizontal="right" vertical="center" wrapText="1"/>
    </xf>
    <xf numFmtId="0" fontId="10" fillId="0" borderId="0" xfId="0" applyNumberFormat="1" applyFont="1" applyAlignment="1">
      <alignment horizont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editAs="oneCell">
    <xdr:from>
      <xdr:col>20</xdr:col>
      <xdr:colOff>53726</xdr:colOff>
      <xdr:row>1</xdr:row>
      <xdr:rowOff>0</xdr:rowOff>
    </xdr:from>
    <xdr:to>
      <xdr:col>24</xdr:col>
      <xdr:colOff>633253</xdr:colOff>
      <xdr:row>1</xdr:row>
      <xdr:rowOff>352424</xdr:rowOff>
    </xdr:to>
    <xdr:sp macro="" textlink="">
      <xdr:nvSpPr>
        <xdr:cNvPr id="2" name="会計注釈"/>
        <xdr:cNvSpPr/>
      </xdr:nvSpPr>
      <xdr:spPr bwMode="auto">
        <a:xfrm>
          <a:off x="5260726" y="288192"/>
          <a:ext cx="1429450" cy="352424"/>
        </a:xfrm>
        <a:prstGeom prst="bracketPair">
          <a:avLst/>
        </a:prstGeom>
        <a:noFill/>
        <a:ln w="9525" cap="flat" cmpd="sng" algn="ctr">
          <a:solidFill>
            <a:sysClr val="windowText" lastClr="000000"/>
          </a:solidFill>
          <a:prstDash val="solid"/>
          <a:round/>
          <a:headEnd type="none" w="med" len="med"/>
          <a:tailEnd type="none" w="med" len="med"/>
        </a:ln>
        <a:effectLst/>
        <a:extLst/>
      </xdr:spPr>
      <xdr:txBody>
        <a:bodyPr vertOverflow="clip" horzOverflow="clip" wrap="square" lIns="18288" tIns="0" rIns="0" bIns="0" rtlCol="0" anchor="ctr" upright="1"/>
        <a:lstStyle/>
        <a:p>
          <a:pPr algn="ctr"/>
          <a:r>
            <a:rPr kumimoji="1" lang="ja-JP" altLang="en-US" sz="750">
              <a:latin typeface="ＭＳ 明朝" panose="02020609040205080304" pitchFamily="17" charset="-128"/>
              <a:ea typeface="ＭＳ 明朝" panose="02020609040205080304" pitchFamily="17" charset="-128"/>
            </a:rPr>
            <a:t>収入済額欄の</a:t>
          </a:r>
          <a:r>
            <a:rPr kumimoji="1" lang="en-US" altLang="ja-JP" sz="750">
              <a:latin typeface="ＭＳ 明朝" panose="02020609040205080304" pitchFamily="17" charset="-128"/>
              <a:ea typeface="ＭＳ 明朝" panose="02020609040205080304" pitchFamily="17" charset="-128"/>
            </a:rPr>
            <a:t>×</a:t>
          </a:r>
          <a:r>
            <a:rPr kumimoji="1" lang="ja-JP" altLang="en-US" sz="750">
              <a:latin typeface="ＭＳ 明朝" panose="02020609040205080304" pitchFamily="17" charset="-128"/>
              <a:ea typeface="ＭＳ 明朝" panose="02020609040205080304" pitchFamily="17" charset="-128"/>
            </a:rPr>
            <a:t>印は過誤納金</a:t>
          </a:r>
          <a:endParaRPr kumimoji="1" lang="en-US" altLang="ja-JP" sz="750">
            <a:latin typeface="ＭＳ 明朝" panose="02020609040205080304" pitchFamily="17" charset="-128"/>
            <a:ea typeface="ＭＳ 明朝" panose="02020609040205080304" pitchFamily="17" charset="-128"/>
          </a:endParaRPr>
        </a:p>
        <a:p>
          <a:pPr algn="ctr">
            <a:lnSpc>
              <a:spcPts val="1200"/>
            </a:lnSpc>
          </a:pPr>
          <a:r>
            <a:rPr kumimoji="1" lang="ja-JP" altLang="en-US" sz="750">
              <a:latin typeface="ＭＳ 明朝" panose="02020609040205080304" pitchFamily="17" charset="-128"/>
              <a:ea typeface="ＭＳ 明朝" panose="02020609040205080304" pitchFamily="17" charset="-128"/>
            </a:rPr>
            <a:t>還付未済額を示すものであ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tabSelected="1" view="pageBreakPreview" topLeftCell="A7" zoomScaleNormal="13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403</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459</v>
      </c>
      <c r="C6" s="93" t="s">
        <v>1</v>
      </c>
      <c r="D6" s="94"/>
      <c r="E6" s="95" t="s">
        <v>1</v>
      </c>
      <c r="F6" s="96"/>
      <c r="G6" s="97" t="s">
        <v>404</v>
      </c>
      <c r="H6" s="97"/>
      <c r="I6" s="97"/>
      <c r="J6" s="90" t="s">
        <v>405</v>
      </c>
      <c r="K6" s="90"/>
      <c r="L6" s="90"/>
      <c r="M6" s="53" t="s">
        <v>1</v>
      </c>
      <c r="N6" s="91" t="s">
        <v>405</v>
      </c>
      <c r="O6" s="91"/>
      <c r="P6" s="92"/>
      <c r="Q6" s="90" t="s">
        <v>31</v>
      </c>
      <c r="R6" s="90"/>
      <c r="S6" s="90"/>
      <c r="T6" s="54"/>
      <c r="U6" s="91" t="s">
        <v>31</v>
      </c>
      <c r="V6" s="91"/>
      <c r="W6" s="92"/>
      <c r="X6" s="55" t="s">
        <v>1</v>
      </c>
      <c r="Y6" s="56" t="s">
        <v>406</v>
      </c>
      <c r="Z6" s="20"/>
      <c r="AA6" s="14"/>
      <c r="AB6" s="20"/>
    </row>
    <row r="7" spans="1:28" customFormat="1" ht="29.1" customHeight="1">
      <c r="A7" s="63" t="s">
        <v>1</v>
      </c>
      <c r="B7" s="51" t="s">
        <v>1</v>
      </c>
      <c r="C7" s="93" t="s">
        <v>26</v>
      </c>
      <c r="D7" s="94"/>
      <c r="E7" s="101" t="s">
        <v>34</v>
      </c>
      <c r="F7" s="102"/>
      <c r="G7" s="103" t="s">
        <v>407</v>
      </c>
      <c r="H7" s="103"/>
      <c r="I7" s="103"/>
      <c r="J7" s="98" t="s">
        <v>408</v>
      </c>
      <c r="K7" s="98"/>
      <c r="L7" s="98"/>
      <c r="M7" s="57" t="s">
        <v>1</v>
      </c>
      <c r="N7" s="99" t="s">
        <v>408</v>
      </c>
      <c r="O7" s="99"/>
      <c r="P7" s="100"/>
      <c r="Q7" s="98" t="s">
        <v>31</v>
      </c>
      <c r="R7" s="98"/>
      <c r="S7" s="98"/>
      <c r="T7" s="58"/>
      <c r="U7" s="99" t="s">
        <v>31</v>
      </c>
      <c r="V7" s="99"/>
      <c r="W7" s="100"/>
      <c r="X7" s="31" t="s">
        <v>1</v>
      </c>
      <c r="Y7" s="52" t="s">
        <v>409</v>
      </c>
      <c r="Z7" s="20"/>
      <c r="AA7" s="20"/>
      <c r="AB7" s="20"/>
    </row>
    <row r="8" spans="1:28" customFormat="1" ht="29.1" customHeight="1">
      <c r="A8" s="63" t="s">
        <v>1</v>
      </c>
      <c r="B8" s="51" t="s">
        <v>1</v>
      </c>
      <c r="C8" s="93" t="s">
        <v>40</v>
      </c>
      <c r="D8" s="94"/>
      <c r="E8" s="101" t="s">
        <v>41</v>
      </c>
      <c r="F8" s="102"/>
      <c r="G8" s="103" t="s">
        <v>410</v>
      </c>
      <c r="H8" s="103"/>
      <c r="I8" s="103"/>
      <c r="J8" s="98" t="s">
        <v>411</v>
      </c>
      <c r="K8" s="98"/>
      <c r="L8" s="98"/>
      <c r="M8" s="57" t="s">
        <v>1</v>
      </c>
      <c r="N8" s="99" t="s">
        <v>411</v>
      </c>
      <c r="O8" s="99"/>
      <c r="P8" s="100"/>
      <c r="Q8" s="98" t="s">
        <v>31</v>
      </c>
      <c r="R8" s="98"/>
      <c r="S8" s="98"/>
      <c r="T8" s="58"/>
      <c r="U8" s="99" t="s">
        <v>31</v>
      </c>
      <c r="V8" s="99"/>
      <c r="W8" s="100"/>
      <c r="X8" s="31" t="s">
        <v>44</v>
      </c>
      <c r="Y8" s="52" t="s">
        <v>412</v>
      </c>
      <c r="Z8" s="20"/>
      <c r="AA8" s="20"/>
      <c r="AB8" s="20"/>
    </row>
    <row r="9" spans="1:28" customFormat="1" ht="29.1" customHeight="1">
      <c r="A9" s="63" t="s">
        <v>1</v>
      </c>
      <c r="B9" s="51" t="s">
        <v>1</v>
      </c>
      <c r="C9" s="93" t="s">
        <v>46</v>
      </c>
      <c r="D9" s="94"/>
      <c r="E9" s="101" t="s">
        <v>47</v>
      </c>
      <c r="F9" s="102"/>
      <c r="G9" s="103" t="s">
        <v>413</v>
      </c>
      <c r="H9" s="103"/>
      <c r="I9" s="103"/>
      <c r="J9" s="98" t="s">
        <v>414</v>
      </c>
      <c r="K9" s="98"/>
      <c r="L9" s="98"/>
      <c r="M9" s="57" t="s">
        <v>1</v>
      </c>
      <c r="N9" s="99" t="s">
        <v>414</v>
      </c>
      <c r="O9" s="99"/>
      <c r="P9" s="100"/>
      <c r="Q9" s="98" t="s">
        <v>31</v>
      </c>
      <c r="R9" s="98"/>
      <c r="S9" s="98"/>
      <c r="T9" s="58"/>
      <c r="U9" s="99" t="s">
        <v>31</v>
      </c>
      <c r="V9" s="99"/>
      <c r="W9" s="100"/>
      <c r="X9" s="31" t="s">
        <v>1</v>
      </c>
      <c r="Y9" s="52" t="s">
        <v>415</v>
      </c>
      <c r="Z9" s="20"/>
      <c r="AA9" s="20"/>
      <c r="AB9" s="20"/>
    </row>
    <row r="10" spans="1:28" customFormat="1" ht="29.1" customHeight="1">
      <c r="A10" s="63" t="s">
        <v>1</v>
      </c>
      <c r="B10" s="51" t="s">
        <v>1</v>
      </c>
      <c r="C10" s="93" t="s">
        <v>51</v>
      </c>
      <c r="D10" s="94"/>
      <c r="E10" s="101" t="s">
        <v>52</v>
      </c>
      <c r="F10" s="102"/>
      <c r="G10" s="103" t="s">
        <v>416</v>
      </c>
      <c r="H10" s="103"/>
      <c r="I10" s="103"/>
      <c r="J10" s="98" t="s">
        <v>417</v>
      </c>
      <c r="K10" s="98"/>
      <c r="L10" s="98"/>
      <c r="M10" s="57" t="s">
        <v>1</v>
      </c>
      <c r="N10" s="99" t="s">
        <v>417</v>
      </c>
      <c r="O10" s="99"/>
      <c r="P10" s="100"/>
      <c r="Q10" s="98" t="s">
        <v>31</v>
      </c>
      <c r="R10" s="98"/>
      <c r="S10" s="98"/>
      <c r="T10" s="58"/>
      <c r="U10" s="99" t="s">
        <v>31</v>
      </c>
      <c r="V10" s="99"/>
      <c r="W10" s="100"/>
      <c r="X10" s="31" t="s">
        <v>44</v>
      </c>
      <c r="Y10" s="52" t="s">
        <v>418</v>
      </c>
      <c r="Z10" s="20"/>
      <c r="AA10" s="20"/>
      <c r="AB10" s="20"/>
    </row>
    <row r="11" spans="1:28" customFormat="1" ht="29.1" hidden="1" customHeight="1">
      <c r="A11" s="72" t="s">
        <v>68</v>
      </c>
      <c r="B11" s="51" t="s">
        <v>1</v>
      </c>
      <c r="C11" s="93" t="s">
        <v>1</v>
      </c>
      <c r="D11" s="94"/>
      <c r="E11" s="101" t="s">
        <v>1</v>
      </c>
      <c r="F11" s="102"/>
      <c r="G11" s="103" t="s">
        <v>404</v>
      </c>
      <c r="H11" s="103"/>
      <c r="I11" s="103"/>
      <c r="J11" s="98" t="s">
        <v>405</v>
      </c>
      <c r="K11" s="98"/>
      <c r="L11" s="98"/>
      <c r="M11" s="57" t="s">
        <v>1</v>
      </c>
      <c r="N11" s="99" t="s">
        <v>405</v>
      </c>
      <c r="O11" s="99"/>
      <c r="P11" s="100"/>
      <c r="Q11" s="98" t="s">
        <v>31</v>
      </c>
      <c r="R11" s="98"/>
      <c r="S11" s="98"/>
      <c r="T11" s="58"/>
      <c r="U11" s="99" t="s">
        <v>31</v>
      </c>
      <c r="V11" s="99"/>
      <c r="W11" s="100"/>
      <c r="X11" s="31" t="s">
        <v>1</v>
      </c>
      <c r="Y11" s="52" t="s">
        <v>406</v>
      </c>
      <c r="Z11" s="20"/>
      <c r="AA11" s="20"/>
      <c r="AB11" s="20"/>
    </row>
    <row r="12" spans="1:28" customFormat="1" ht="29.1" hidden="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s">
        <v>1</v>
      </c>
      <c r="B13" s="51" t="s">
        <v>1</v>
      </c>
      <c r="C13" s="85" t="s">
        <v>1</v>
      </c>
      <c r="D13" s="86"/>
      <c r="E13" s="83" t="s">
        <v>1</v>
      </c>
      <c r="F13" s="84"/>
      <c r="G13" s="80" t="s">
        <v>1</v>
      </c>
      <c r="H13" s="81"/>
      <c r="I13" s="82"/>
      <c r="J13" s="79" t="s">
        <v>1</v>
      </c>
      <c r="K13" s="77"/>
      <c r="L13" s="78"/>
      <c r="M13" s="57" t="s">
        <v>1</v>
      </c>
      <c r="N13" s="77" t="s">
        <v>1</v>
      </c>
      <c r="O13" s="77"/>
      <c r="P13" s="78"/>
      <c r="Q13" s="79" t="s">
        <v>1</v>
      </c>
      <c r="R13" s="77"/>
      <c r="S13" s="78"/>
      <c r="T13" s="58"/>
      <c r="U13" s="77" t="s">
        <v>1</v>
      </c>
      <c r="V13" s="77"/>
      <c r="W13" s="78"/>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404</v>
      </c>
      <c r="H23" s="124"/>
      <c r="I23" s="124"/>
      <c r="J23" s="121" t="s">
        <v>405</v>
      </c>
      <c r="K23" s="121"/>
      <c r="L23" s="121"/>
      <c r="M23" s="59" t="s">
        <v>1</v>
      </c>
      <c r="N23" s="119" t="s">
        <v>405</v>
      </c>
      <c r="O23" s="119"/>
      <c r="P23" s="120"/>
      <c r="Q23" s="121" t="s">
        <v>31</v>
      </c>
      <c r="R23" s="121"/>
      <c r="S23" s="121"/>
      <c r="T23" s="60"/>
      <c r="U23" s="119" t="s">
        <v>31</v>
      </c>
      <c r="V23" s="119"/>
      <c r="W23" s="120"/>
      <c r="X23" s="61" t="s">
        <v>1</v>
      </c>
      <c r="Y23" s="62" t="s">
        <v>406</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460</v>
      </c>
      <c r="C29" s="148"/>
      <c r="D29" s="159" t="s">
        <v>1</v>
      </c>
      <c r="E29" s="160"/>
      <c r="F29" s="161" t="s">
        <v>1</v>
      </c>
      <c r="G29" s="162"/>
      <c r="H29" s="65" t="s">
        <v>1</v>
      </c>
      <c r="I29" s="91" t="s">
        <v>404</v>
      </c>
      <c r="J29" s="92"/>
      <c r="K29" s="55" t="s">
        <v>1</v>
      </c>
      <c r="L29" s="91" t="s">
        <v>419</v>
      </c>
      <c r="M29" s="91"/>
      <c r="N29" s="92"/>
      <c r="O29" s="55" t="s">
        <v>1</v>
      </c>
      <c r="P29" s="91" t="s">
        <v>420</v>
      </c>
      <c r="Q29" s="92"/>
      <c r="R29" s="55" t="s">
        <v>1</v>
      </c>
      <c r="S29" s="91" t="s">
        <v>421</v>
      </c>
      <c r="T29" s="91"/>
      <c r="U29" s="92"/>
      <c r="V29" s="55" t="s">
        <v>1</v>
      </c>
      <c r="W29" s="91" t="s">
        <v>422</v>
      </c>
      <c r="X29" s="91"/>
      <c r="Y29" s="157"/>
      <c r="Z29" s="4"/>
    </row>
    <row r="30" spans="1:28" customFormat="1" ht="28.5" customHeight="1">
      <c r="A30" s="64" t="s">
        <v>1</v>
      </c>
      <c r="B30" s="147" t="s">
        <v>1</v>
      </c>
      <c r="C30" s="148"/>
      <c r="D30" s="93" t="s">
        <v>26</v>
      </c>
      <c r="E30" s="94"/>
      <c r="F30" s="158" t="s">
        <v>436</v>
      </c>
      <c r="G30" s="154"/>
      <c r="H30" s="36" t="s">
        <v>1</v>
      </c>
      <c r="I30" s="99" t="s">
        <v>423</v>
      </c>
      <c r="J30" s="100"/>
      <c r="K30" s="31" t="s">
        <v>1</v>
      </c>
      <c r="L30" s="99" t="s">
        <v>424</v>
      </c>
      <c r="M30" s="99"/>
      <c r="N30" s="100"/>
      <c r="O30" s="31" t="s">
        <v>1</v>
      </c>
      <c r="P30" s="99" t="s">
        <v>420</v>
      </c>
      <c r="Q30" s="100"/>
      <c r="R30" s="31" t="s">
        <v>1</v>
      </c>
      <c r="S30" s="99" t="s">
        <v>425</v>
      </c>
      <c r="T30" s="99"/>
      <c r="U30" s="100"/>
      <c r="V30" s="31" t="s">
        <v>1</v>
      </c>
      <c r="W30" s="99" t="s">
        <v>426</v>
      </c>
      <c r="X30" s="99"/>
      <c r="Y30" s="152"/>
      <c r="Z30" s="4"/>
    </row>
    <row r="31" spans="1:28" customFormat="1" ht="28.5" customHeight="1">
      <c r="A31" s="64" t="s">
        <v>1</v>
      </c>
      <c r="B31" s="147" t="s">
        <v>1</v>
      </c>
      <c r="C31" s="148"/>
      <c r="D31" s="93" t="s">
        <v>40</v>
      </c>
      <c r="E31" s="94"/>
      <c r="F31" s="158" t="s">
        <v>437</v>
      </c>
      <c r="G31" s="154"/>
      <c r="H31" s="36" t="s">
        <v>1</v>
      </c>
      <c r="I31" s="99" t="s">
        <v>427</v>
      </c>
      <c r="J31" s="100"/>
      <c r="K31" s="31" t="s">
        <v>1</v>
      </c>
      <c r="L31" s="99" t="s">
        <v>428</v>
      </c>
      <c r="M31" s="99"/>
      <c r="N31" s="100"/>
      <c r="O31" s="31" t="s">
        <v>1</v>
      </c>
      <c r="P31" s="99" t="s">
        <v>31</v>
      </c>
      <c r="Q31" s="100"/>
      <c r="R31" s="31" t="s">
        <v>1</v>
      </c>
      <c r="S31" s="99" t="s">
        <v>412</v>
      </c>
      <c r="T31" s="99"/>
      <c r="U31" s="100"/>
      <c r="V31" s="31" t="s">
        <v>1</v>
      </c>
      <c r="W31" s="99" t="s">
        <v>412</v>
      </c>
      <c r="X31" s="99"/>
      <c r="Y31" s="152"/>
      <c r="Z31" s="4"/>
    </row>
    <row r="32" spans="1:28" customFormat="1" ht="28.5" customHeight="1">
      <c r="A32" s="64" t="s">
        <v>1</v>
      </c>
      <c r="B32" s="147" t="s">
        <v>1</v>
      </c>
      <c r="C32" s="148"/>
      <c r="D32" s="93" t="s">
        <v>46</v>
      </c>
      <c r="E32" s="94"/>
      <c r="F32" s="158" t="s">
        <v>438</v>
      </c>
      <c r="G32" s="154"/>
      <c r="H32" s="36" t="s">
        <v>1</v>
      </c>
      <c r="I32" s="99" t="s">
        <v>429</v>
      </c>
      <c r="J32" s="100"/>
      <c r="K32" s="31" t="s">
        <v>1</v>
      </c>
      <c r="L32" s="99" t="s">
        <v>430</v>
      </c>
      <c r="M32" s="99"/>
      <c r="N32" s="100"/>
      <c r="O32" s="31" t="s">
        <v>1</v>
      </c>
      <c r="P32" s="99" t="s">
        <v>31</v>
      </c>
      <c r="Q32" s="100"/>
      <c r="R32" s="31" t="s">
        <v>1</v>
      </c>
      <c r="S32" s="99" t="s">
        <v>431</v>
      </c>
      <c r="T32" s="99"/>
      <c r="U32" s="100"/>
      <c r="V32" s="31" t="s">
        <v>1</v>
      </c>
      <c r="W32" s="99" t="s">
        <v>431</v>
      </c>
      <c r="X32" s="99"/>
      <c r="Y32" s="152"/>
      <c r="Z32" s="4"/>
    </row>
    <row r="33" spans="1:26" customFormat="1" ht="28.5" customHeight="1">
      <c r="A33" s="64" t="s">
        <v>1</v>
      </c>
      <c r="B33" s="147" t="s">
        <v>1</v>
      </c>
      <c r="C33" s="148"/>
      <c r="D33" s="93" t="s">
        <v>51</v>
      </c>
      <c r="E33" s="94"/>
      <c r="F33" s="153" t="s">
        <v>88</v>
      </c>
      <c r="G33" s="154"/>
      <c r="H33" s="36" t="s">
        <v>1</v>
      </c>
      <c r="I33" s="99" t="s">
        <v>432</v>
      </c>
      <c r="J33" s="100"/>
      <c r="K33" s="31" t="s">
        <v>1</v>
      </c>
      <c r="L33" s="99" t="s">
        <v>433</v>
      </c>
      <c r="M33" s="99"/>
      <c r="N33" s="100"/>
      <c r="O33" s="31" t="s">
        <v>1</v>
      </c>
      <c r="P33" s="99" t="s">
        <v>31</v>
      </c>
      <c r="Q33" s="100"/>
      <c r="R33" s="31" t="s">
        <v>1</v>
      </c>
      <c r="S33" s="99" t="s">
        <v>434</v>
      </c>
      <c r="T33" s="99"/>
      <c r="U33" s="100"/>
      <c r="V33" s="31" t="s">
        <v>1</v>
      </c>
      <c r="W33" s="99" t="s">
        <v>434</v>
      </c>
      <c r="X33" s="99"/>
      <c r="Y33" s="152"/>
      <c r="Z33" s="4"/>
    </row>
    <row r="34" spans="1:26" customFormat="1" ht="28.5" hidden="1" customHeight="1">
      <c r="A34" s="73" t="e">
        <v>#REF!</v>
      </c>
      <c r="B34" s="155" t="e">
        <v>#REF!</v>
      </c>
      <c r="C34" s="156"/>
      <c r="D34" s="93" t="e">
        <v>#REF!</v>
      </c>
      <c r="E34" s="94"/>
      <c r="F34" s="153" t="e">
        <v>#REF!</v>
      </c>
      <c r="G34" s="154"/>
      <c r="H34" s="36" t="e">
        <v>#REF!</v>
      </c>
      <c r="I34" s="99" t="e">
        <v>#REF!</v>
      </c>
      <c r="J34" s="100"/>
      <c r="K34" s="31" t="e">
        <v>#REF!</v>
      </c>
      <c r="L34" s="99" t="e">
        <v>#REF!</v>
      </c>
      <c r="M34" s="99"/>
      <c r="N34" s="100"/>
      <c r="O34" s="31" t="e">
        <v>#REF!</v>
      </c>
      <c r="P34" s="99" t="e">
        <v>#REF!</v>
      </c>
      <c r="Q34" s="100"/>
      <c r="R34" s="31" t="e">
        <v>#REF!</v>
      </c>
      <c r="S34" s="99" t="e">
        <v>#REF!</v>
      </c>
      <c r="T34" s="99"/>
      <c r="U34" s="100"/>
      <c r="V34" s="31" t="e">
        <v>#REF!</v>
      </c>
      <c r="W34" s="99" t="e">
        <v>#REF!</v>
      </c>
      <c r="X34" s="99"/>
      <c r="Y34" s="152"/>
      <c r="Z34" s="4"/>
    </row>
    <row r="35" spans="1:26" customFormat="1" ht="28.5" hidden="1" customHeight="1">
      <c r="A35" s="64" t="e">
        <v>#REF!</v>
      </c>
      <c r="B35" s="147" t="e">
        <v>#REF!</v>
      </c>
      <c r="C35" s="148"/>
      <c r="D35" s="93" t="e">
        <v>#REF!</v>
      </c>
      <c r="E35" s="94"/>
      <c r="F35" s="153" t="e">
        <v>#REF!</v>
      </c>
      <c r="G35" s="154"/>
      <c r="H35" s="36" t="e">
        <v>#REF!</v>
      </c>
      <c r="I35" s="99" t="e">
        <v>#REF!</v>
      </c>
      <c r="J35" s="100"/>
      <c r="K35" s="31" t="e">
        <v>#REF!</v>
      </c>
      <c r="L35" s="99" t="e">
        <v>#REF!</v>
      </c>
      <c r="M35" s="99"/>
      <c r="N35" s="100"/>
      <c r="O35" s="31" t="e">
        <v>#REF!</v>
      </c>
      <c r="P35" s="99" t="e">
        <v>#REF!</v>
      </c>
      <c r="Q35" s="100"/>
      <c r="R35" s="31" t="e">
        <v>#REF!</v>
      </c>
      <c r="S35" s="99" t="e">
        <v>#REF!</v>
      </c>
      <c r="T35" s="99"/>
      <c r="U35" s="100"/>
      <c r="V35" s="31" t="e">
        <v>#REF!</v>
      </c>
      <c r="W35" s="99" t="e">
        <v>#REF!</v>
      </c>
      <c r="X35" s="99"/>
      <c r="Y35" s="152"/>
      <c r="Z35" s="4"/>
    </row>
    <row r="36" spans="1:26" customFormat="1" ht="28.5" hidden="1" customHeight="1">
      <c r="A36" s="64" t="e">
        <v>#REF!</v>
      </c>
      <c r="B36" s="147" t="e">
        <v>#REF!</v>
      </c>
      <c r="C36" s="148"/>
      <c r="D36" s="93" t="e">
        <v>#REF!</v>
      </c>
      <c r="E36" s="94"/>
      <c r="F36" s="153" t="e">
        <v>#REF!</v>
      </c>
      <c r="G36" s="154"/>
      <c r="H36" s="36" t="e">
        <v>#REF!</v>
      </c>
      <c r="I36" s="99" t="e">
        <v>#REF!</v>
      </c>
      <c r="J36" s="100"/>
      <c r="K36" s="31" t="e">
        <v>#REF!</v>
      </c>
      <c r="L36" s="99" t="e">
        <v>#REF!</v>
      </c>
      <c r="M36" s="99"/>
      <c r="N36" s="100"/>
      <c r="O36" s="31" t="e">
        <v>#REF!</v>
      </c>
      <c r="P36" s="99" t="e">
        <v>#REF!</v>
      </c>
      <c r="Q36" s="100"/>
      <c r="R36" s="31" t="e">
        <v>#REF!</v>
      </c>
      <c r="S36" s="99" t="e">
        <v>#REF!</v>
      </c>
      <c r="T36" s="99"/>
      <c r="U36" s="100"/>
      <c r="V36" s="31" t="e">
        <v>#REF!</v>
      </c>
      <c r="W36" s="99" t="e">
        <v>#REF!</v>
      </c>
      <c r="X36" s="99"/>
      <c r="Y36" s="152"/>
      <c r="Z36" s="4"/>
    </row>
    <row r="37" spans="1:26" customFormat="1" ht="28.5" hidden="1" customHeight="1">
      <c r="A37" s="64" t="e">
        <v>#REF!</v>
      </c>
      <c r="B37" s="147" t="e">
        <v>#REF!</v>
      </c>
      <c r="C37" s="148"/>
      <c r="D37" s="93" t="e">
        <v>#REF!</v>
      </c>
      <c r="E37" s="94"/>
      <c r="F37" s="153" t="e">
        <v>#REF!</v>
      </c>
      <c r="G37" s="154"/>
      <c r="H37" s="36" t="e">
        <v>#REF!</v>
      </c>
      <c r="I37" s="99" t="e">
        <v>#REF!</v>
      </c>
      <c r="J37" s="100"/>
      <c r="K37" s="31" t="e">
        <v>#REF!</v>
      </c>
      <c r="L37" s="99" t="e">
        <v>#REF!</v>
      </c>
      <c r="M37" s="99"/>
      <c r="N37" s="100"/>
      <c r="O37" s="31" t="e">
        <v>#REF!</v>
      </c>
      <c r="P37" s="99" t="e">
        <v>#REF!</v>
      </c>
      <c r="Q37" s="100"/>
      <c r="R37" s="31" t="e">
        <v>#REF!</v>
      </c>
      <c r="S37" s="99" t="e">
        <v>#REF!</v>
      </c>
      <c r="T37" s="99"/>
      <c r="U37" s="100"/>
      <c r="V37" s="31" t="e">
        <v>#REF!</v>
      </c>
      <c r="W37" s="99" t="e">
        <v>#REF!</v>
      </c>
      <c r="X37" s="99"/>
      <c r="Y37" s="152"/>
      <c r="Z37" s="4"/>
    </row>
    <row r="38" spans="1:26" customFormat="1" ht="28.5" hidden="1" customHeight="1">
      <c r="A38" s="64" t="e">
        <v>#REF!</v>
      </c>
      <c r="B38" s="147" t="e">
        <v>#REF!</v>
      </c>
      <c r="C38" s="148"/>
      <c r="D38" s="93" t="e">
        <v>#REF!</v>
      </c>
      <c r="E38" s="94"/>
      <c r="F38" s="153" t="e">
        <v>#REF!</v>
      </c>
      <c r="G38" s="154"/>
      <c r="H38" s="36" t="e">
        <v>#REF!</v>
      </c>
      <c r="I38" s="99" t="e">
        <v>#REF!</v>
      </c>
      <c r="J38" s="100"/>
      <c r="K38" s="31" t="e">
        <v>#REF!</v>
      </c>
      <c r="L38" s="99" t="e">
        <v>#REF!</v>
      </c>
      <c r="M38" s="99"/>
      <c r="N38" s="100"/>
      <c r="O38" s="31" t="e">
        <v>#REF!</v>
      </c>
      <c r="P38" s="99" t="e">
        <v>#REF!</v>
      </c>
      <c r="Q38" s="100"/>
      <c r="R38" s="31" t="e">
        <v>#REF!</v>
      </c>
      <c r="S38" s="99" t="e">
        <v>#REF!</v>
      </c>
      <c r="T38" s="99"/>
      <c r="U38" s="100"/>
      <c r="V38" s="31" t="e">
        <v>#REF!</v>
      </c>
      <c r="W38" s="99" t="e">
        <v>#REF!</v>
      </c>
      <c r="X38" s="99"/>
      <c r="Y38" s="152"/>
      <c r="Z38" s="4"/>
    </row>
    <row r="39" spans="1:26" customFormat="1" ht="28.5" hidden="1" customHeight="1">
      <c r="A39" s="64" t="e">
        <v>#REF!</v>
      </c>
      <c r="B39" s="147" t="e">
        <v>#REF!</v>
      </c>
      <c r="C39" s="148"/>
      <c r="D39" s="93" t="e">
        <v>#REF!</v>
      </c>
      <c r="E39" s="94"/>
      <c r="F39" s="153" t="e">
        <v>#REF!</v>
      </c>
      <c r="G39" s="154"/>
      <c r="H39" s="36" t="e">
        <v>#REF!</v>
      </c>
      <c r="I39" s="99" t="e">
        <v>#REF!</v>
      </c>
      <c r="J39" s="100"/>
      <c r="K39" s="31" t="e">
        <v>#REF!</v>
      </c>
      <c r="L39" s="99" t="e">
        <v>#REF!</v>
      </c>
      <c r="M39" s="99"/>
      <c r="N39" s="100"/>
      <c r="O39" s="31" t="e">
        <v>#REF!</v>
      </c>
      <c r="P39" s="99" t="e">
        <v>#REF!</v>
      </c>
      <c r="Q39" s="100"/>
      <c r="R39" s="31" t="e">
        <v>#REF!</v>
      </c>
      <c r="S39" s="99" t="e">
        <v>#REF!</v>
      </c>
      <c r="T39" s="99"/>
      <c r="U39" s="100"/>
      <c r="V39" s="31" t="e">
        <v>#REF!</v>
      </c>
      <c r="W39" s="99" t="e">
        <v>#REF!</v>
      </c>
      <c r="X39" s="99"/>
      <c r="Y39" s="152"/>
      <c r="Z39" s="4"/>
    </row>
    <row r="40" spans="1:26" customFormat="1" ht="28.5" hidden="1" customHeight="1">
      <c r="A40" s="64" t="e">
        <v>#REF!</v>
      </c>
      <c r="B40" s="147" t="e">
        <v>#REF!</v>
      </c>
      <c r="C40" s="148"/>
      <c r="D40" s="93" t="e">
        <v>#REF!</v>
      </c>
      <c r="E40" s="94"/>
      <c r="F40" s="153" t="e">
        <v>#REF!</v>
      </c>
      <c r="G40" s="154"/>
      <c r="H40" s="36" t="e">
        <v>#REF!</v>
      </c>
      <c r="I40" s="99" t="e">
        <v>#REF!</v>
      </c>
      <c r="J40" s="100"/>
      <c r="K40" s="31" t="e">
        <v>#REF!</v>
      </c>
      <c r="L40" s="99" t="e">
        <v>#REF!</v>
      </c>
      <c r="M40" s="99"/>
      <c r="N40" s="100"/>
      <c r="O40" s="31" t="e">
        <v>#REF!</v>
      </c>
      <c r="P40" s="99" t="e">
        <v>#REF!</v>
      </c>
      <c r="Q40" s="100"/>
      <c r="R40" s="31" t="e">
        <v>#REF!</v>
      </c>
      <c r="S40" s="99" t="e">
        <v>#REF!</v>
      </c>
      <c r="T40" s="99"/>
      <c r="U40" s="100"/>
      <c r="V40" s="31" t="e">
        <v>#REF!</v>
      </c>
      <c r="W40" s="99" t="e">
        <v>#REF!</v>
      </c>
      <c r="X40" s="99"/>
      <c r="Y40" s="152"/>
      <c r="Z40" s="4"/>
    </row>
    <row r="41" spans="1:26" customFormat="1" ht="28.5" hidden="1" customHeight="1">
      <c r="A41" s="64" t="e">
        <v>#REF!</v>
      </c>
      <c r="B41" s="147" t="e">
        <v>#REF!</v>
      </c>
      <c r="C41" s="148"/>
      <c r="D41" s="93" t="e">
        <v>#REF!</v>
      </c>
      <c r="E41" s="94"/>
      <c r="F41" s="153" t="e">
        <v>#REF!</v>
      </c>
      <c r="G41" s="154"/>
      <c r="H41" s="36" t="e">
        <v>#REF!</v>
      </c>
      <c r="I41" s="99" t="e">
        <v>#REF!</v>
      </c>
      <c r="J41" s="100"/>
      <c r="K41" s="31" t="e">
        <v>#REF!</v>
      </c>
      <c r="L41" s="99" t="e">
        <v>#REF!</v>
      </c>
      <c r="M41" s="99"/>
      <c r="N41" s="100"/>
      <c r="O41" s="31" t="e">
        <v>#REF!</v>
      </c>
      <c r="P41" s="99" t="e">
        <v>#REF!</v>
      </c>
      <c r="Q41" s="100"/>
      <c r="R41" s="31" t="e">
        <v>#REF!</v>
      </c>
      <c r="S41" s="99" t="e">
        <v>#REF!</v>
      </c>
      <c r="T41" s="99"/>
      <c r="U41" s="100"/>
      <c r="V41" s="31" t="e">
        <v>#REF!</v>
      </c>
      <c r="W41" s="99" t="e">
        <v>#REF!</v>
      </c>
      <c r="X41" s="99"/>
      <c r="Y41" s="152"/>
      <c r="Z41" s="4"/>
    </row>
    <row r="42" spans="1:26" customFormat="1" ht="28.5" hidden="1" customHeight="1">
      <c r="A42" s="64" t="e">
        <v>#REF!</v>
      </c>
      <c r="B42" s="147" t="e">
        <v>#REF!</v>
      </c>
      <c r="C42" s="148"/>
      <c r="D42" s="93" t="e">
        <v>#REF!</v>
      </c>
      <c r="E42" s="94"/>
      <c r="F42" s="153" t="e">
        <v>#REF!</v>
      </c>
      <c r="G42" s="154"/>
      <c r="H42" s="36" t="e">
        <v>#REF!</v>
      </c>
      <c r="I42" s="99" t="e">
        <v>#REF!</v>
      </c>
      <c r="J42" s="100"/>
      <c r="K42" s="31" t="e">
        <v>#REF!</v>
      </c>
      <c r="L42" s="99" t="e">
        <v>#REF!</v>
      </c>
      <c r="M42" s="99"/>
      <c r="N42" s="100"/>
      <c r="O42" s="31" t="e">
        <v>#REF!</v>
      </c>
      <c r="P42" s="99" t="e">
        <v>#REF!</v>
      </c>
      <c r="Q42" s="100"/>
      <c r="R42" s="31" t="e">
        <v>#REF!</v>
      </c>
      <c r="S42" s="99" t="e">
        <v>#REF!</v>
      </c>
      <c r="T42" s="99"/>
      <c r="U42" s="100"/>
      <c r="V42" s="31" t="e">
        <v>#REF!</v>
      </c>
      <c r="W42" s="99" t="e">
        <v>#REF!</v>
      </c>
      <c r="X42" s="99"/>
      <c r="Y42" s="152"/>
      <c r="Z42" s="4"/>
    </row>
    <row r="43" spans="1:26" customFormat="1" ht="28.5" hidden="1" customHeight="1">
      <c r="A43" s="64" t="e">
        <v>#REF!</v>
      </c>
      <c r="B43" s="147" t="e">
        <v>#REF!</v>
      </c>
      <c r="C43" s="148"/>
      <c r="D43" s="93" t="e">
        <v>#REF!</v>
      </c>
      <c r="E43" s="94"/>
      <c r="F43" s="153" t="e">
        <v>#REF!</v>
      </c>
      <c r="G43" s="154"/>
      <c r="H43" s="36" t="e">
        <v>#REF!</v>
      </c>
      <c r="I43" s="99" t="e">
        <v>#REF!</v>
      </c>
      <c r="J43" s="100"/>
      <c r="K43" s="31" t="e">
        <v>#REF!</v>
      </c>
      <c r="L43" s="99" t="e">
        <v>#REF!</v>
      </c>
      <c r="M43" s="99"/>
      <c r="N43" s="100"/>
      <c r="O43" s="31" t="e">
        <v>#REF!</v>
      </c>
      <c r="P43" s="99" t="e">
        <v>#REF!</v>
      </c>
      <c r="Q43" s="100"/>
      <c r="R43" s="31" t="e">
        <v>#REF!</v>
      </c>
      <c r="S43" s="99" t="e">
        <v>#REF!</v>
      </c>
      <c r="T43" s="99"/>
      <c r="U43" s="100"/>
      <c r="V43" s="31" t="e">
        <v>#REF!</v>
      </c>
      <c r="W43" s="99" t="e">
        <v>#REF!</v>
      </c>
      <c r="X43" s="99"/>
      <c r="Y43" s="152"/>
      <c r="Z43" s="4"/>
    </row>
    <row r="44" spans="1:26" customFormat="1" ht="28.5" hidden="1" customHeight="1">
      <c r="A44" s="64" t="e">
        <v>#REF!</v>
      </c>
      <c r="B44" s="147" t="e">
        <v>#REF!</v>
      </c>
      <c r="C44" s="148"/>
      <c r="D44" s="111" t="e">
        <v>#REF!</v>
      </c>
      <c r="E44" s="112"/>
      <c r="F44" s="149" t="e">
        <v>#REF!</v>
      </c>
      <c r="G44" s="150"/>
      <c r="H44" s="45" t="e">
        <v>#REF!</v>
      </c>
      <c r="I44" s="117" t="e">
        <v>#REF!</v>
      </c>
      <c r="J44" s="118"/>
      <c r="K44" s="46" t="e">
        <v>#REF!</v>
      </c>
      <c r="L44" s="117" t="e">
        <v>#REF!</v>
      </c>
      <c r="M44" s="117"/>
      <c r="N44" s="118"/>
      <c r="O44" s="46" t="e">
        <v>#REF!</v>
      </c>
      <c r="P44" s="117" t="e">
        <v>#REF!</v>
      </c>
      <c r="Q44" s="118"/>
      <c r="R44" s="46" t="e">
        <v>#REF!</v>
      </c>
      <c r="S44" s="117" t="e">
        <v>#REF!</v>
      </c>
      <c r="T44" s="117"/>
      <c r="U44" s="118"/>
      <c r="V44" s="46" t="e">
        <v>#REF!</v>
      </c>
      <c r="W44" s="117" t="e">
        <v>#REF!</v>
      </c>
      <c r="X44" s="117"/>
      <c r="Y44" s="146"/>
      <c r="Z44" s="4"/>
    </row>
    <row r="45" spans="1:26" s="6" customFormat="1" ht="28.5" customHeight="1">
      <c r="A45" s="122" t="s">
        <v>4</v>
      </c>
      <c r="B45" s="123"/>
      <c r="C45" s="123"/>
      <c r="D45" s="123"/>
      <c r="E45" s="123"/>
      <c r="F45" s="123"/>
      <c r="G45" s="123"/>
      <c r="H45" s="66" t="s">
        <v>1</v>
      </c>
      <c r="I45" s="119" t="s">
        <v>404</v>
      </c>
      <c r="J45" s="120"/>
      <c r="K45" s="61" t="s">
        <v>1</v>
      </c>
      <c r="L45" s="119" t="s">
        <v>419</v>
      </c>
      <c r="M45" s="119"/>
      <c r="N45" s="120"/>
      <c r="O45" s="61" t="s">
        <v>1</v>
      </c>
      <c r="P45" s="119" t="s">
        <v>420</v>
      </c>
      <c r="Q45" s="120"/>
      <c r="R45" s="61" t="s">
        <v>1</v>
      </c>
      <c r="S45" s="119" t="s">
        <v>421</v>
      </c>
      <c r="T45" s="119"/>
      <c r="U45" s="120"/>
      <c r="V45" s="61" t="s">
        <v>1</v>
      </c>
      <c r="W45" s="119" t="s">
        <v>422</v>
      </c>
      <c r="X45" s="119"/>
      <c r="Y45" s="151"/>
    </row>
    <row r="46" spans="1:26" s="6" customFormat="1" ht="18" customHeight="1">
      <c r="A46" s="37"/>
      <c r="B46" s="37"/>
      <c r="C46" s="37"/>
      <c r="D46" s="37"/>
      <c r="E46" s="15"/>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435</v>
      </c>
      <c r="R47" s="40"/>
      <c r="S47" s="40"/>
      <c r="T47" s="40"/>
      <c r="U47" s="40"/>
      <c r="V47" s="40"/>
      <c r="W47" s="40"/>
      <c r="X47" s="40"/>
      <c r="Y47" s="40"/>
    </row>
    <row r="48" spans="1:26" s="7" customFormat="1" ht="18" customHeight="1">
      <c r="A48" s="38"/>
      <c r="B48" s="38"/>
      <c r="C48" s="38"/>
      <c r="D48" s="42" t="s">
        <v>6</v>
      </c>
      <c r="E48" s="42"/>
      <c r="F48" s="164" t="s">
        <v>24</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3"/>
      <c r="E49" s="43"/>
      <c r="F49" s="43"/>
      <c r="G49" s="43"/>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15"/>
      <c r="B53" s="16"/>
      <c r="C53" s="15"/>
      <c r="D53" s="21"/>
      <c r="E53" s="22"/>
      <c r="F53" s="22"/>
      <c r="G53" s="23"/>
      <c r="H53" s="24"/>
      <c r="I53" s="22"/>
      <c r="J53" s="15"/>
      <c r="K53" s="22"/>
      <c r="L53" s="15"/>
      <c r="M53" s="22"/>
      <c r="N53" s="19"/>
      <c r="O53" s="19"/>
      <c r="P53" s="19"/>
      <c r="Q53" s="19"/>
      <c r="R53" s="20"/>
      <c r="S53" s="20"/>
      <c r="T53" s="20"/>
      <c r="U53" s="20"/>
      <c r="V53" s="20"/>
      <c r="W53" s="20"/>
      <c r="X53" s="20"/>
      <c r="Y53" s="20"/>
      <c r="Z53" s="20"/>
      <c r="AA53" s="20"/>
      <c r="AB53" s="20"/>
    </row>
    <row r="54" spans="1:28" customFormat="1" ht="29.1" customHeight="1">
      <c r="A54" s="15"/>
      <c r="B54" s="16"/>
      <c r="C54" s="15"/>
      <c r="D54" s="21"/>
      <c r="E54" s="22"/>
      <c r="F54" s="22"/>
      <c r="G54" s="16"/>
      <c r="H54" s="15"/>
      <c r="I54" s="22"/>
      <c r="J54" s="15"/>
      <c r="K54" s="22"/>
      <c r="L54" s="15"/>
      <c r="M54" s="22"/>
      <c r="N54" s="19"/>
      <c r="O54" s="19"/>
      <c r="P54" s="19"/>
      <c r="Q54" s="19"/>
      <c r="R54" s="20"/>
      <c r="S54" s="20"/>
      <c r="T54" s="20"/>
      <c r="U54" s="20"/>
      <c r="V54" s="20"/>
      <c r="W54" s="20"/>
      <c r="X54" s="20"/>
      <c r="Y54" s="20"/>
      <c r="Z54" s="20"/>
      <c r="AA54" s="20"/>
      <c r="AB54" s="20"/>
    </row>
    <row r="55" spans="1:28" customFormat="1" ht="29.1" customHeight="1">
      <c r="A55" s="15"/>
      <c r="B55" s="16"/>
      <c r="C55" s="15"/>
      <c r="D55" s="21"/>
      <c r="E55" s="22"/>
      <c r="F55" s="22"/>
      <c r="G55" s="23"/>
      <c r="H55" s="24"/>
      <c r="I55" s="22"/>
      <c r="J55" s="15"/>
      <c r="K55" s="22"/>
      <c r="L55" s="15"/>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18"/>
      <c r="F56" s="18"/>
      <c r="G56" s="26"/>
      <c r="H56" s="17"/>
      <c r="I56" s="18"/>
      <c r="J56" s="17"/>
      <c r="K56" s="18"/>
      <c r="L56" s="17"/>
      <c r="M56" s="18"/>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F47:K47"/>
    <mergeCell ref="F48:K48"/>
    <mergeCell ref="A1:Y1"/>
    <mergeCell ref="A45:G45"/>
    <mergeCell ref="L45:N45"/>
    <mergeCell ref="P45:Q45"/>
    <mergeCell ref="S45:U45"/>
    <mergeCell ref="P33:Q33"/>
    <mergeCell ref="S33:U33"/>
    <mergeCell ref="W33:Y33"/>
    <mergeCell ref="D34:E34"/>
    <mergeCell ref="D35:E35"/>
    <mergeCell ref="B33:C33"/>
    <mergeCell ref="D33:E33"/>
    <mergeCell ref="F33:G33"/>
    <mergeCell ref="I33:J33"/>
    <mergeCell ref="L33:N33"/>
    <mergeCell ref="P31:Q31"/>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29:Q29"/>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S40:U40"/>
    <mergeCell ref="W40:Y40"/>
    <mergeCell ref="D40:E40"/>
    <mergeCell ref="B40:C40"/>
    <mergeCell ref="F40:G40"/>
    <mergeCell ref="I40:J40"/>
    <mergeCell ref="L40:N40"/>
    <mergeCell ref="P40:Q40"/>
    <mergeCell ref="P38:Q38"/>
    <mergeCell ref="S38:U38"/>
    <mergeCell ref="W38:Y38"/>
    <mergeCell ref="B39:C39"/>
    <mergeCell ref="D39:E39"/>
    <mergeCell ref="F39:G39"/>
    <mergeCell ref="I39:J39"/>
    <mergeCell ref="L39:N39"/>
    <mergeCell ref="P39:Q39"/>
    <mergeCell ref="S39:U39"/>
    <mergeCell ref="W39:Y39"/>
    <mergeCell ref="B37:C37"/>
    <mergeCell ref="D37:E37"/>
    <mergeCell ref="F37:G37"/>
    <mergeCell ref="I37:J37"/>
    <mergeCell ref="L37:N37"/>
    <mergeCell ref="P37:Q37"/>
    <mergeCell ref="S37:U37"/>
    <mergeCell ref="W37:Y37"/>
    <mergeCell ref="B38:C38"/>
    <mergeCell ref="D38:E38"/>
    <mergeCell ref="F38:G38"/>
    <mergeCell ref="I38:J38"/>
    <mergeCell ref="L38:N38"/>
    <mergeCell ref="P43:Q43"/>
    <mergeCell ref="S43:U43"/>
    <mergeCell ref="W43:Y43"/>
    <mergeCell ref="B41:C41"/>
    <mergeCell ref="D41:E41"/>
    <mergeCell ref="F41:G41"/>
    <mergeCell ref="I41:J41"/>
    <mergeCell ref="L41:N41"/>
    <mergeCell ref="P41:Q41"/>
    <mergeCell ref="S41:U41"/>
    <mergeCell ref="W41:Y41"/>
    <mergeCell ref="B42:C42"/>
    <mergeCell ref="D42:E42"/>
    <mergeCell ref="F42:G42"/>
    <mergeCell ref="I42:J42"/>
    <mergeCell ref="L42:N42"/>
    <mergeCell ref="B43:C43"/>
    <mergeCell ref="D43:E43"/>
    <mergeCell ref="F43:G43"/>
    <mergeCell ref="I43:J43"/>
    <mergeCell ref="L43:N43"/>
    <mergeCell ref="P42:Q42"/>
    <mergeCell ref="S42:U42"/>
    <mergeCell ref="W42:Y42"/>
    <mergeCell ref="S36:U36"/>
    <mergeCell ref="W36:Y36"/>
    <mergeCell ref="D36:E36"/>
    <mergeCell ref="B36:C36"/>
    <mergeCell ref="F36:G36"/>
    <mergeCell ref="I36:J36"/>
    <mergeCell ref="L36:N36"/>
    <mergeCell ref="P36:Q36"/>
    <mergeCell ref="S34:U34"/>
    <mergeCell ref="W34:Y34"/>
    <mergeCell ref="B35:C35"/>
    <mergeCell ref="F35:G35"/>
    <mergeCell ref="I35:J35"/>
    <mergeCell ref="L35:N35"/>
    <mergeCell ref="P35:Q35"/>
    <mergeCell ref="S35:U35"/>
    <mergeCell ref="W35:Y35"/>
    <mergeCell ref="B34:C34"/>
    <mergeCell ref="F34:G34"/>
    <mergeCell ref="I34:J34"/>
    <mergeCell ref="L34:N34"/>
    <mergeCell ref="P34:Q34"/>
    <mergeCell ref="S44:U44"/>
    <mergeCell ref="W44:Y44"/>
    <mergeCell ref="D44:E44"/>
    <mergeCell ref="B44:C44"/>
    <mergeCell ref="F44:G44"/>
    <mergeCell ref="I44:J44"/>
    <mergeCell ref="L44:N44"/>
    <mergeCell ref="P44:Q44"/>
    <mergeCell ref="I45:J45"/>
    <mergeCell ref="W45:Y45"/>
    <mergeCell ref="H26:J27"/>
    <mergeCell ref="K26:N27"/>
    <mergeCell ref="O26:Q27"/>
    <mergeCell ref="R26:U27"/>
    <mergeCell ref="V26:Y27"/>
    <mergeCell ref="A26:C27"/>
    <mergeCell ref="D26:G27"/>
    <mergeCell ref="B28:C28"/>
    <mergeCell ref="D28:E28"/>
    <mergeCell ref="F28:G28"/>
    <mergeCell ref="I28:J28"/>
    <mergeCell ref="L28:N28"/>
    <mergeCell ref="P28:Q28"/>
    <mergeCell ref="S28:U28"/>
    <mergeCell ref="W28:Y28"/>
    <mergeCell ref="N23:P23"/>
    <mergeCell ref="Q23:S23"/>
    <mergeCell ref="U23:W23"/>
    <mergeCell ref="A23:F23"/>
    <mergeCell ref="G23:I23"/>
    <mergeCell ref="J23:L23"/>
    <mergeCell ref="C14:D14"/>
    <mergeCell ref="E14:F14"/>
    <mergeCell ref="G14:I14"/>
    <mergeCell ref="J14:L14"/>
    <mergeCell ref="N14:P14"/>
    <mergeCell ref="Q14:S14"/>
    <mergeCell ref="U14:W14"/>
    <mergeCell ref="Q17:S17"/>
    <mergeCell ref="U17:W17"/>
    <mergeCell ref="C18:D18"/>
    <mergeCell ref="E18:F18"/>
    <mergeCell ref="G18:I18"/>
    <mergeCell ref="J18:L18"/>
    <mergeCell ref="N18:P18"/>
    <mergeCell ref="Q18:S18"/>
    <mergeCell ref="U18:W18"/>
    <mergeCell ref="C17:D17"/>
    <mergeCell ref="E17:F17"/>
    <mergeCell ref="Q11:S11"/>
    <mergeCell ref="U11:W11"/>
    <mergeCell ref="C12:D12"/>
    <mergeCell ref="E12:F12"/>
    <mergeCell ref="G12:I12"/>
    <mergeCell ref="J12:L12"/>
    <mergeCell ref="N12:P12"/>
    <mergeCell ref="Q12:S12"/>
    <mergeCell ref="U12:W12"/>
    <mergeCell ref="C11:D11"/>
    <mergeCell ref="E11:F11"/>
    <mergeCell ref="G11:I11"/>
    <mergeCell ref="J11:L11"/>
    <mergeCell ref="N11:P11"/>
    <mergeCell ref="C10:D10"/>
    <mergeCell ref="E10:F10"/>
    <mergeCell ref="G10:I10"/>
    <mergeCell ref="J10:L10"/>
    <mergeCell ref="N10:P10"/>
    <mergeCell ref="Q10:S10"/>
    <mergeCell ref="U10:W10"/>
    <mergeCell ref="C9:D9"/>
    <mergeCell ref="E9:F9"/>
    <mergeCell ref="G9:I9"/>
    <mergeCell ref="J9:L9"/>
    <mergeCell ref="N9:P9"/>
    <mergeCell ref="N8:P8"/>
    <mergeCell ref="Q8:S8"/>
    <mergeCell ref="U8:W8"/>
    <mergeCell ref="C7:D7"/>
    <mergeCell ref="E7:F7"/>
    <mergeCell ref="G7:I7"/>
    <mergeCell ref="J7:L7"/>
    <mergeCell ref="N7:P7"/>
    <mergeCell ref="Q9:S9"/>
    <mergeCell ref="U9:W9"/>
    <mergeCell ref="G17:I17"/>
    <mergeCell ref="J17:L17"/>
    <mergeCell ref="N17:P17"/>
    <mergeCell ref="Q15:S15"/>
    <mergeCell ref="U15:W15"/>
    <mergeCell ref="C16:D16"/>
    <mergeCell ref="E16:F16"/>
    <mergeCell ref="G16:I16"/>
    <mergeCell ref="J16:L16"/>
    <mergeCell ref="N16:P16"/>
    <mergeCell ref="Q16:S16"/>
    <mergeCell ref="U16:W16"/>
    <mergeCell ref="C15:D15"/>
    <mergeCell ref="E15:F15"/>
    <mergeCell ref="G15:I15"/>
    <mergeCell ref="J15:L15"/>
    <mergeCell ref="N15:P15"/>
    <mergeCell ref="Q19:S19"/>
    <mergeCell ref="U19:W19"/>
    <mergeCell ref="C20:D20"/>
    <mergeCell ref="E20:F20"/>
    <mergeCell ref="G20:I20"/>
    <mergeCell ref="J20:L20"/>
    <mergeCell ref="N20:P20"/>
    <mergeCell ref="Q20:S20"/>
    <mergeCell ref="U20:W20"/>
    <mergeCell ref="C19:D19"/>
    <mergeCell ref="E19:F19"/>
    <mergeCell ref="G19:I19"/>
    <mergeCell ref="J19:L19"/>
    <mergeCell ref="N19:P19"/>
    <mergeCell ref="C22:D22"/>
    <mergeCell ref="E22:F22"/>
    <mergeCell ref="G22:I22"/>
    <mergeCell ref="J22:L22"/>
    <mergeCell ref="N22:P22"/>
    <mergeCell ref="Q22:S22"/>
    <mergeCell ref="U22:W22"/>
    <mergeCell ref="C21:D21"/>
    <mergeCell ref="E21:F21"/>
    <mergeCell ref="G21:I21"/>
    <mergeCell ref="J21:L21"/>
    <mergeCell ref="N21:P21"/>
    <mergeCell ref="Q21:S21"/>
    <mergeCell ref="U21:W21"/>
    <mergeCell ref="X5:Y5"/>
    <mergeCell ref="Q3:S4"/>
    <mergeCell ref="T3:W4"/>
    <mergeCell ref="X3:Y4"/>
    <mergeCell ref="A3:B4"/>
    <mergeCell ref="C3:F4"/>
    <mergeCell ref="G3:I4"/>
    <mergeCell ref="J3:L4"/>
    <mergeCell ref="M3:P4"/>
    <mergeCell ref="C5:F5"/>
    <mergeCell ref="G5:I5"/>
    <mergeCell ref="U13:W13"/>
    <mergeCell ref="Q13:S13"/>
    <mergeCell ref="N13:P13"/>
    <mergeCell ref="J13:L13"/>
    <mergeCell ref="G13:I13"/>
    <mergeCell ref="E13:F13"/>
    <mergeCell ref="C13:D13"/>
    <mergeCell ref="J5:L5"/>
    <mergeCell ref="M5:P5"/>
    <mergeCell ref="Q5:S5"/>
    <mergeCell ref="T5:W5"/>
    <mergeCell ref="Q6:S6"/>
    <mergeCell ref="U6:W6"/>
    <mergeCell ref="C6:D6"/>
    <mergeCell ref="E6:F6"/>
    <mergeCell ref="G6:I6"/>
    <mergeCell ref="J6:L6"/>
    <mergeCell ref="N6:P6"/>
    <mergeCell ref="Q7:S7"/>
    <mergeCell ref="U7:W7"/>
    <mergeCell ref="C8:D8"/>
    <mergeCell ref="E8:F8"/>
    <mergeCell ref="G8:I8"/>
    <mergeCell ref="J8:L8"/>
  </mergeCells>
  <phoneticPr fontId="2"/>
  <pageMargins left="0.39370078740157483" right="0.39370078740157483" top="0.59055118110236227" bottom="0.39370078740157483" header="0.19685039370078741" footer="0.19685039370078741"/>
  <pageSetup paperSize="9" scale="99" firstPageNumber="9" pageOrder="overThenDown" orientation="portrait" useFirstPageNumber="1"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topLeftCell="A10" zoomScale="115" zoomScaleNormal="115"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247</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248</v>
      </c>
      <c r="C6" s="93" t="s">
        <v>1</v>
      </c>
      <c r="D6" s="94"/>
      <c r="E6" s="95" t="s">
        <v>1</v>
      </c>
      <c r="F6" s="96"/>
      <c r="G6" s="97" t="s">
        <v>249</v>
      </c>
      <c r="H6" s="97"/>
      <c r="I6" s="97"/>
      <c r="J6" s="90" t="s">
        <v>250</v>
      </c>
      <c r="K6" s="90"/>
      <c r="L6" s="90"/>
      <c r="M6" s="53" t="s">
        <v>1</v>
      </c>
      <c r="N6" s="91" t="s">
        <v>250</v>
      </c>
      <c r="O6" s="91"/>
      <c r="P6" s="92"/>
      <c r="Q6" s="90" t="s">
        <v>31</v>
      </c>
      <c r="R6" s="90"/>
      <c r="S6" s="90"/>
      <c r="T6" s="54"/>
      <c r="U6" s="91" t="s">
        <v>31</v>
      </c>
      <c r="V6" s="91"/>
      <c r="W6" s="92"/>
      <c r="X6" s="55" t="s">
        <v>1</v>
      </c>
      <c r="Y6" s="56" t="s">
        <v>251</v>
      </c>
      <c r="Z6" s="20"/>
      <c r="AA6" s="14"/>
      <c r="AB6" s="20"/>
    </row>
    <row r="7" spans="1:28" customFormat="1" ht="29.1" customHeight="1">
      <c r="A7" s="63" t="s">
        <v>1</v>
      </c>
      <c r="B7" s="51" t="s">
        <v>1</v>
      </c>
      <c r="C7" s="93" t="s">
        <v>26</v>
      </c>
      <c r="D7" s="94"/>
      <c r="E7" s="101" t="s">
        <v>34</v>
      </c>
      <c r="F7" s="102"/>
      <c r="G7" s="103" t="s">
        <v>252</v>
      </c>
      <c r="H7" s="103"/>
      <c r="I7" s="103"/>
      <c r="J7" s="98" t="s">
        <v>253</v>
      </c>
      <c r="K7" s="98"/>
      <c r="L7" s="98"/>
      <c r="M7" s="57" t="s">
        <v>1</v>
      </c>
      <c r="N7" s="99" t="s">
        <v>253</v>
      </c>
      <c r="O7" s="99"/>
      <c r="P7" s="100"/>
      <c r="Q7" s="98" t="s">
        <v>31</v>
      </c>
      <c r="R7" s="98"/>
      <c r="S7" s="98"/>
      <c r="T7" s="58"/>
      <c r="U7" s="99" t="s">
        <v>31</v>
      </c>
      <c r="V7" s="99"/>
      <c r="W7" s="100"/>
      <c r="X7" s="31" t="s">
        <v>44</v>
      </c>
      <c r="Y7" s="52" t="s">
        <v>254</v>
      </c>
      <c r="Z7" s="20"/>
      <c r="AA7" s="20"/>
      <c r="AB7" s="20"/>
    </row>
    <row r="8" spans="1:28" customFormat="1" ht="29.1" customHeight="1">
      <c r="A8" s="63" t="s">
        <v>1</v>
      </c>
      <c r="B8" s="51" t="s">
        <v>1</v>
      </c>
      <c r="C8" s="93" t="s">
        <v>40</v>
      </c>
      <c r="D8" s="94"/>
      <c r="E8" s="101" t="s">
        <v>41</v>
      </c>
      <c r="F8" s="102"/>
      <c r="G8" s="103" t="s">
        <v>255</v>
      </c>
      <c r="H8" s="103"/>
      <c r="I8" s="103"/>
      <c r="J8" s="98" t="s">
        <v>256</v>
      </c>
      <c r="K8" s="98"/>
      <c r="L8" s="98"/>
      <c r="M8" s="57" t="s">
        <v>1</v>
      </c>
      <c r="N8" s="99" t="s">
        <v>256</v>
      </c>
      <c r="O8" s="99"/>
      <c r="P8" s="100"/>
      <c r="Q8" s="98" t="s">
        <v>31</v>
      </c>
      <c r="R8" s="98"/>
      <c r="S8" s="98"/>
      <c r="T8" s="58"/>
      <c r="U8" s="99" t="s">
        <v>31</v>
      </c>
      <c r="V8" s="99"/>
      <c r="W8" s="100"/>
      <c r="X8" s="31" t="s">
        <v>44</v>
      </c>
      <c r="Y8" s="52" t="s">
        <v>257</v>
      </c>
      <c r="Z8" s="20"/>
      <c r="AA8" s="20"/>
      <c r="AB8" s="20"/>
    </row>
    <row r="9" spans="1:28" customFormat="1" ht="29.1" customHeight="1">
      <c r="A9" s="63" t="s">
        <v>1</v>
      </c>
      <c r="B9" s="51" t="s">
        <v>1</v>
      </c>
      <c r="C9" s="93" t="s">
        <v>46</v>
      </c>
      <c r="D9" s="94"/>
      <c r="E9" s="101" t="s">
        <v>47</v>
      </c>
      <c r="F9" s="102"/>
      <c r="G9" s="103" t="s">
        <v>258</v>
      </c>
      <c r="H9" s="103"/>
      <c r="I9" s="103"/>
      <c r="J9" s="98" t="s">
        <v>259</v>
      </c>
      <c r="K9" s="98"/>
      <c r="L9" s="98"/>
      <c r="M9" s="57" t="s">
        <v>1</v>
      </c>
      <c r="N9" s="99" t="s">
        <v>259</v>
      </c>
      <c r="O9" s="99"/>
      <c r="P9" s="100"/>
      <c r="Q9" s="98" t="s">
        <v>31</v>
      </c>
      <c r="R9" s="98"/>
      <c r="S9" s="98"/>
      <c r="T9" s="58"/>
      <c r="U9" s="99" t="s">
        <v>31</v>
      </c>
      <c r="V9" s="99"/>
      <c r="W9" s="100"/>
      <c r="X9" s="31" t="s">
        <v>1</v>
      </c>
      <c r="Y9" s="52" t="s">
        <v>260</v>
      </c>
      <c r="Z9" s="20"/>
      <c r="AA9" s="20"/>
      <c r="AB9" s="20"/>
    </row>
    <row r="10" spans="1:28" customFormat="1" ht="29.1" customHeight="1">
      <c r="A10" s="63" t="s">
        <v>1</v>
      </c>
      <c r="B10" s="51" t="s">
        <v>1</v>
      </c>
      <c r="C10" s="93" t="s">
        <v>51</v>
      </c>
      <c r="D10" s="94"/>
      <c r="E10" s="101" t="s">
        <v>52</v>
      </c>
      <c r="F10" s="102"/>
      <c r="G10" s="103" t="s">
        <v>246</v>
      </c>
      <c r="H10" s="103"/>
      <c r="I10" s="103"/>
      <c r="J10" s="98" t="s">
        <v>261</v>
      </c>
      <c r="K10" s="98"/>
      <c r="L10" s="98"/>
      <c r="M10" s="57" t="s">
        <v>1</v>
      </c>
      <c r="N10" s="99" t="s">
        <v>261</v>
      </c>
      <c r="O10" s="99"/>
      <c r="P10" s="100"/>
      <c r="Q10" s="98" t="s">
        <v>31</v>
      </c>
      <c r="R10" s="98"/>
      <c r="S10" s="98"/>
      <c r="T10" s="58"/>
      <c r="U10" s="99" t="s">
        <v>31</v>
      </c>
      <c r="V10" s="99"/>
      <c r="W10" s="100"/>
      <c r="X10" s="31" t="s">
        <v>1</v>
      </c>
      <c r="Y10" s="52" t="s">
        <v>262</v>
      </c>
      <c r="Z10" s="20"/>
      <c r="AA10" s="20"/>
      <c r="AB10" s="20"/>
    </row>
    <row r="11" spans="1:28" customFormat="1" ht="29.1" hidden="1" customHeight="1">
      <c r="A11" s="63" t="s">
        <v>68</v>
      </c>
      <c r="B11" s="51" t="s">
        <v>1</v>
      </c>
      <c r="C11" s="93" t="s">
        <v>1</v>
      </c>
      <c r="D11" s="94"/>
      <c r="E11" s="101" t="s">
        <v>1</v>
      </c>
      <c r="F11" s="102"/>
      <c r="G11" s="103" t="s">
        <v>249</v>
      </c>
      <c r="H11" s="103"/>
      <c r="I11" s="103"/>
      <c r="J11" s="98" t="s">
        <v>250</v>
      </c>
      <c r="K11" s="98"/>
      <c r="L11" s="98"/>
      <c r="M11" s="57" t="s">
        <v>1</v>
      </c>
      <c r="N11" s="99" t="s">
        <v>250</v>
      </c>
      <c r="O11" s="99"/>
      <c r="P11" s="100"/>
      <c r="Q11" s="98" t="s">
        <v>31</v>
      </c>
      <c r="R11" s="98"/>
      <c r="S11" s="98"/>
      <c r="T11" s="58"/>
      <c r="U11" s="99" t="s">
        <v>31</v>
      </c>
      <c r="V11" s="99"/>
      <c r="W11" s="100"/>
      <c r="X11" s="31" t="s">
        <v>1</v>
      </c>
      <c r="Y11" s="52" t="s">
        <v>251</v>
      </c>
      <c r="Z11" s="20"/>
      <c r="AA11" s="20"/>
      <c r="AB11" s="20"/>
    </row>
    <row r="12" spans="1:28" customFormat="1" ht="29.1" hidden="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249</v>
      </c>
      <c r="H23" s="124"/>
      <c r="I23" s="124"/>
      <c r="J23" s="121" t="s">
        <v>250</v>
      </c>
      <c r="K23" s="121"/>
      <c r="L23" s="121"/>
      <c r="M23" s="59" t="s">
        <v>1</v>
      </c>
      <c r="N23" s="119" t="s">
        <v>250</v>
      </c>
      <c r="O23" s="119"/>
      <c r="P23" s="120"/>
      <c r="Q23" s="121" t="s">
        <v>31</v>
      </c>
      <c r="R23" s="121"/>
      <c r="S23" s="121"/>
      <c r="T23" s="60"/>
      <c r="U23" s="119" t="s">
        <v>31</v>
      </c>
      <c r="V23" s="119"/>
      <c r="W23" s="120"/>
      <c r="X23" s="61" t="s">
        <v>1</v>
      </c>
      <c r="Y23" s="67" t="s">
        <v>251</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448</v>
      </c>
      <c r="C29" s="148"/>
      <c r="D29" s="159" t="s">
        <v>1</v>
      </c>
      <c r="E29" s="160"/>
      <c r="F29" s="161" t="s">
        <v>1</v>
      </c>
      <c r="G29" s="162"/>
      <c r="H29" s="65" t="s">
        <v>1</v>
      </c>
      <c r="I29" s="91" t="s">
        <v>249</v>
      </c>
      <c r="J29" s="92"/>
      <c r="K29" s="55" t="s">
        <v>1</v>
      </c>
      <c r="L29" s="91" t="s">
        <v>263</v>
      </c>
      <c r="M29" s="91"/>
      <c r="N29" s="92"/>
      <c r="O29" s="55" t="s">
        <v>1</v>
      </c>
      <c r="P29" s="91" t="s">
        <v>31</v>
      </c>
      <c r="Q29" s="92"/>
      <c r="R29" s="55" t="s">
        <v>1</v>
      </c>
      <c r="S29" s="91" t="s">
        <v>264</v>
      </c>
      <c r="T29" s="91"/>
      <c r="U29" s="92"/>
      <c r="V29" s="55" t="s">
        <v>1</v>
      </c>
      <c r="W29" s="91" t="s">
        <v>264</v>
      </c>
      <c r="X29" s="91"/>
      <c r="Y29" s="157"/>
      <c r="Z29" s="4"/>
    </row>
    <row r="30" spans="1:28" customFormat="1" ht="28.5" customHeight="1">
      <c r="A30" s="64" t="s">
        <v>1</v>
      </c>
      <c r="B30" s="147" t="s">
        <v>1</v>
      </c>
      <c r="C30" s="148"/>
      <c r="D30" s="93" t="s">
        <v>26</v>
      </c>
      <c r="E30" s="94"/>
      <c r="F30" s="153" t="s">
        <v>72</v>
      </c>
      <c r="G30" s="154"/>
      <c r="H30" s="36" t="s">
        <v>1</v>
      </c>
      <c r="I30" s="99" t="s">
        <v>265</v>
      </c>
      <c r="J30" s="100"/>
      <c r="K30" s="31" t="s">
        <v>1</v>
      </c>
      <c r="L30" s="99" t="s">
        <v>266</v>
      </c>
      <c r="M30" s="99"/>
      <c r="N30" s="100"/>
      <c r="O30" s="31" t="s">
        <v>1</v>
      </c>
      <c r="P30" s="99" t="s">
        <v>31</v>
      </c>
      <c r="Q30" s="100"/>
      <c r="R30" s="31" t="s">
        <v>1</v>
      </c>
      <c r="S30" s="99" t="s">
        <v>267</v>
      </c>
      <c r="T30" s="99"/>
      <c r="U30" s="100"/>
      <c r="V30" s="31" t="s">
        <v>1</v>
      </c>
      <c r="W30" s="99" t="s">
        <v>267</v>
      </c>
      <c r="X30" s="99"/>
      <c r="Y30" s="152"/>
      <c r="Z30" s="4"/>
    </row>
    <row r="31" spans="1:28" customFormat="1" ht="28.5" customHeight="1">
      <c r="A31" s="64" t="s">
        <v>1</v>
      </c>
      <c r="B31" s="147" t="s">
        <v>1</v>
      </c>
      <c r="C31" s="148"/>
      <c r="D31" s="93" t="s">
        <v>40</v>
      </c>
      <c r="E31" s="94"/>
      <c r="F31" s="153" t="s">
        <v>80</v>
      </c>
      <c r="G31" s="154"/>
      <c r="H31" s="36" t="s">
        <v>1</v>
      </c>
      <c r="I31" s="99" t="s">
        <v>255</v>
      </c>
      <c r="J31" s="100"/>
      <c r="K31" s="31" t="s">
        <v>1</v>
      </c>
      <c r="L31" s="99" t="s">
        <v>256</v>
      </c>
      <c r="M31" s="99"/>
      <c r="N31" s="100"/>
      <c r="O31" s="31" t="s">
        <v>1</v>
      </c>
      <c r="P31" s="99" t="s">
        <v>31</v>
      </c>
      <c r="Q31" s="100"/>
      <c r="R31" s="31" t="s">
        <v>1</v>
      </c>
      <c r="S31" s="99" t="s">
        <v>257</v>
      </c>
      <c r="T31" s="99"/>
      <c r="U31" s="100"/>
      <c r="V31" s="31" t="s">
        <v>1</v>
      </c>
      <c r="W31" s="99" t="s">
        <v>257</v>
      </c>
      <c r="X31" s="99"/>
      <c r="Y31" s="152"/>
      <c r="Z31" s="4"/>
    </row>
    <row r="32" spans="1:28" customFormat="1" ht="28.5" customHeight="1">
      <c r="A32" s="64" t="s">
        <v>1</v>
      </c>
      <c r="B32" s="147" t="s">
        <v>1</v>
      </c>
      <c r="C32" s="148"/>
      <c r="D32" s="93" t="s">
        <v>46</v>
      </c>
      <c r="E32" s="94"/>
      <c r="F32" s="153" t="s">
        <v>156</v>
      </c>
      <c r="G32" s="154"/>
      <c r="H32" s="36" t="s">
        <v>1</v>
      </c>
      <c r="I32" s="99" t="s">
        <v>268</v>
      </c>
      <c r="J32" s="100"/>
      <c r="K32" s="31" t="s">
        <v>1</v>
      </c>
      <c r="L32" s="99" t="s">
        <v>31</v>
      </c>
      <c r="M32" s="99"/>
      <c r="N32" s="100"/>
      <c r="O32" s="31" t="s">
        <v>1</v>
      </c>
      <c r="P32" s="99" t="s">
        <v>31</v>
      </c>
      <c r="Q32" s="100"/>
      <c r="R32" s="31" t="s">
        <v>1</v>
      </c>
      <c r="S32" s="99" t="s">
        <v>268</v>
      </c>
      <c r="T32" s="99"/>
      <c r="U32" s="100"/>
      <c r="V32" s="31" t="s">
        <v>1</v>
      </c>
      <c r="W32" s="99" t="s">
        <v>268</v>
      </c>
      <c r="X32" s="99"/>
      <c r="Y32" s="152"/>
      <c r="Z32" s="4"/>
    </row>
    <row r="33" spans="1:26" customFormat="1" ht="28.5" hidden="1" customHeight="1">
      <c r="A33" s="64" t="s">
        <v>92</v>
      </c>
      <c r="B33" s="147" t="s">
        <v>1</v>
      </c>
      <c r="C33" s="148"/>
      <c r="D33" s="93" t="s">
        <v>1</v>
      </c>
      <c r="E33" s="94"/>
      <c r="F33" s="153" t="s">
        <v>1</v>
      </c>
      <c r="G33" s="154"/>
      <c r="H33" s="36" t="s">
        <v>1</v>
      </c>
      <c r="I33" s="99" t="s">
        <v>249</v>
      </c>
      <c r="J33" s="100"/>
      <c r="K33" s="31" t="s">
        <v>1</v>
      </c>
      <c r="L33" s="99" t="s">
        <v>263</v>
      </c>
      <c r="M33" s="99"/>
      <c r="N33" s="100"/>
      <c r="O33" s="31" t="s">
        <v>1</v>
      </c>
      <c r="P33" s="99" t="s">
        <v>31</v>
      </c>
      <c r="Q33" s="100"/>
      <c r="R33" s="31" t="s">
        <v>1</v>
      </c>
      <c r="S33" s="99" t="s">
        <v>264</v>
      </c>
      <c r="T33" s="99"/>
      <c r="U33" s="100"/>
      <c r="V33" s="31" t="s">
        <v>1</v>
      </c>
      <c r="W33" s="99" t="s">
        <v>264</v>
      </c>
      <c r="X33" s="99"/>
      <c r="Y33" s="152"/>
      <c r="Z33" s="4"/>
    </row>
    <row r="34" spans="1:26" customFormat="1" ht="28.5" hidden="1" customHeight="1">
      <c r="A34" s="64" t="s">
        <v>1</v>
      </c>
      <c r="B34" s="147" t="s">
        <v>1</v>
      </c>
      <c r="C34" s="148"/>
      <c r="D34" s="93" t="s">
        <v>1</v>
      </c>
      <c r="E34" s="94"/>
      <c r="F34" s="153" t="s">
        <v>1</v>
      </c>
      <c r="G34" s="154"/>
      <c r="H34" s="36" t="s">
        <v>5</v>
      </c>
      <c r="I34" s="99" t="s">
        <v>1</v>
      </c>
      <c r="J34" s="100"/>
      <c r="K34" s="31" t="s">
        <v>269</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1</v>
      </c>
      <c r="G35" s="154"/>
      <c r="H35" s="36" t="s">
        <v>94</v>
      </c>
      <c r="I35" s="99" t="s">
        <v>1</v>
      </c>
      <c r="J35" s="100"/>
      <c r="K35" s="31" t="s">
        <v>95</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96</v>
      </c>
      <c r="G36" s="154"/>
      <c r="H36" s="36" t="s">
        <v>1</v>
      </c>
      <c r="I36" s="99" t="s">
        <v>1</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8</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249</v>
      </c>
      <c r="J45" s="120"/>
      <c r="K45" s="61" t="s">
        <v>1</v>
      </c>
      <c r="L45" s="119" t="s">
        <v>263</v>
      </c>
      <c r="M45" s="119"/>
      <c r="N45" s="120"/>
      <c r="O45" s="61" t="s">
        <v>1</v>
      </c>
      <c r="P45" s="119" t="s">
        <v>31</v>
      </c>
      <c r="Q45" s="120"/>
      <c r="R45" s="61" t="s">
        <v>1</v>
      </c>
      <c r="S45" s="119" t="s">
        <v>264</v>
      </c>
      <c r="T45" s="119"/>
      <c r="U45" s="120"/>
      <c r="V45" s="61" t="s">
        <v>1</v>
      </c>
      <c r="W45" s="119" t="s">
        <v>264</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269</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7" pageOrder="overThenDown" orientation="portrait" useFirstPageNumber="1"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topLeftCell="A2" zoomScale="115" zoomScaleNormal="100"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239</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240</v>
      </c>
      <c r="C6" s="93" t="s">
        <v>1</v>
      </c>
      <c r="D6" s="94"/>
      <c r="E6" s="95" t="s">
        <v>1</v>
      </c>
      <c r="F6" s="96"/>
      <c r="G6" s="97" t="s">
        <v>241</v>
      </c>
      <c r="H6" s="97"/>
      <c r="I6" s="97"/>
      <c r="J6" s="90" t="s">
        <v>242</v>
      </c>
      <c r="K6" s="90"/>
      <c r="L6" s="90"/>
      <c r="M6" s="53" t="s">
        <v>1</v>
      </c>
      <c r="N6" s="91" t="s">
        <v>242</v>
      </c>
      <c r="O6" s="91"/>
      <c r="P6" s="92"/>
      <c r="Q6" s="90" t="s">
        <v>31</v>
      </c>
      <c r="R6" s="90"/>
      <c r="S6" s="90"/>
      <c r="T6" s="54"/>
      <c r="U6" s="91" t="s">
        <v>31</v>
      </c>
      <c r="V6" s="91"/>
      <c r="W6" s="92"/>
      <c r="X6" s="55" t="s">
        <v>44</v>
      </c>
      <c r="Y6" s="56" t="s">
        <v>243</v>
      </c>
      <c r="Z6" s="20"/>
      <c r="AA6" s="14"/>
      <c r="AB6" s="20"/>
    </row>
    <row r="7" spans="1:28" customFormat="1" ht="29.1" customHeight="1">
      <c r="A7" s="63" t="s">
        <v>1</v>
      </c>
      <c r="B7" s="51" t="s">
        <v>1</v>
      </c>
      <c r="C7" s="93" t="s">
        <v>26</v>
      </c>
      <c r="D7" s="94"/>
      <c r="E7" s="101" t="s">
        <v>121</v>
      </c>
      <c r="F7" s="102"/>
      <c r="G7" s="103" t="s">
        <v>244</v>
      </c>
      <c r="H7" s="103"/>
      <c r="I7" s="103"/>
      <c r="J7" s="98" t="s">
        <v>242</v>
      </c>
      <c r="K7" s="98"/>
      <c r="L7" s="98"/>
      <c r="M7" s="57" t="s">
        <v>1</v>
      </c>
      <c r="N7" s="99" t="s">
        <v>242</v>
      </c>
      <c r="O7" s="99"/>
      <c r="P7" s="100"/>
      <c r="Q7" s="98" t="s">
        <v>31</v>
      </c>
      <c r="R7" s="98"/>
      <c r="S7" s="98"/>
      <c r="T7" s="58"/>
      <c r="U7" s="99" t="s">
        <v>31</v>
      </c>
      <c r="V7" s="99"/>
      <c r="W7" s="100"/>
      <c r="X7" s="31" t="s">
        <v>44</v>
      </c>
      <c r="Y7" s="52" t="s">
        <v>245</v>
      </c>
      <c r="Z7" s="20"/>
      <c r="AA7" s="20"/>
      <c r="AB7" s="20"/>
    </row>
    <row r="8" spans="1:28" customFormat="1" ht="29.1" customHeight="1">
      <c r="A8" s="63" t="s">
        <v>1</v>
      </c>
      <c r="B8" s="51" t="s">
        <v>1</v>
      </c>
      <c r="C8" s="93" t="s">
        <v>40</v>
      </c>
      <c r="D8" s="94"/>
      <c r="E8" s="101" t="s">
        <v>52</v>
      </c>
      <c r="F8" s="102"/>
      <c r="G8" s="103" t="s">
        <v>246</v>
      </c>
      <c r="H8" s="103"/>
      <c r="I8" s="103"/>
      <c r="J8" s="98" t="s">
        <v>31</v>
      </c>
      <c r="K8" s="98"/>
      <c r="L8" s="98"/>
      <c r="M8" s="57" t="s">
        <v>1</v>
      </c>
      <c r="N8" s="99" t="s">
        <v>31</v>
      </c>
      <c r="O8" s="99"/>
      <c r="P8" s="100"/>
      <c r="Q8" s="98" t="s">
        <v>31</v>
      </c>
      <c r="R8" s="98"/>
      <c r="S8" s="98"/>
      <c r="T8" s="58"/>
      <c r="U8" s="99" t="s">
        <v>31</v>
      </c>
      <c r="V8" s="99"/>
      <c r="W8" s="100"/>
      <c r="X8" s="31" t="s">
        <v>44</v>
      </c>
      <c r="Y8" s="52" t="s">
        <v>246</v>
      </c>
      <c r="Z8" s="20"/>
      <c r="AA8" s="20"/>
      <c r="AB8" s="20"/>
    </row>
    <row r="9" spans="1:28" customFormat="1" ht="29.1" hidden="1" customHeight="1">
      <c r="A9" s="63" t="s">
        <v>68</v>
      </c>
      <c r="B9" s="51" t="s">
        <v>1</v>
      </c>
      <c r="C9" s="93" t="s">
        <v>1</v>
      </c>
      <c r="D9" s="94"/>
      <c r="E9" s="101" t="s">
        <v>1</v>
      </c>
      <c r="F9" s="102"/>
      <c r="G9" s="103" t="s">
        <v>241</v>
      </c>
      <c r="H9" s="103"/>
      <c r="I9" s="103"/>
      <c r="J9" s="98" t="s">
        <v>242</v>
      </c>
      <c r="K9" s="98"/>
      <c r="L9" s="98"/>
      <c r="M9" s="57" t="s">
        <v>1</v>
      </c>
      <c r="N9" s="99" t="s">
        <v>242</v>
      </c>
      <c r="O9" s="99"/>
      <c r="P9" s="100"/>
      <c r="Q9" s="98" t="s">
        <v>31</v>
      </c>
      <c r="R9" s="98"/>
      <c r="S9" s="98"/>
      <c r="T9" s="58"/>
      <c r="U9" s="99" t="s">
        <v>31</v>
      </c>
      <c r="V9" s="99"/>
      <c r="W9" s="100"/>
      <c r="X9" s="31" t="s">
        <v>44</v>
      </c>
      <c r="Y9" s="52" t="s">
        <v>243</v>
      </c>
      <c r="Z9" s="20"/>
      <c r="AA9" s="20"/>
      <c r="AB9" s="20"/>
    </row>
    <row r="10" spans="1:28" customFormat="1" ht="29.1" hidden="1" customHeight="1">
      <c r="A10" s="63" t="s">
        <v>1</v>
      </c>
      <c r="B10" s="51" t="s">
        <v>1</v>
      </c>
      <c r="C10" s="93" t="s">
        <v>1</v>
      </c>
      <c r="D10" s="94"/>
      <c r="E10" s="101" t="s">
        <v>1</v>
      </c>
      <c r="F10" s="102"/>
      <c r="G10" s="103" t="s">
        <v>1</v>
      </c>
      <c r="H10" s="103"/>
      <c r="I10" s="103"/>
      <c r="J10" s="98" t="s">
        <v>1</v>
      </c>
      <c r="K10" s="98"/>
      <c r="L10" s="98"/>
      <c r="M10" s="57" t="s">
        <v>1</v>
      </c>
      <c r="N10" s="99" t="s">
        <v>1</v>
      </c>
      <c r="O10" s="99"/>
      <c r="P10" s="100"/>
      <c r="Q10" s="98" t="s">
        <v>1</v>
      </c>
      <c r="R10" s="98"/>
      <c r="S10" s="98"/>
      <c r="T10" s="58"/>
      <c r="U10" s="99" t="s">
        <v>1</v>
      </c>
      <c r="V10" s="99"/>
      <c r="W10" s="100"/>
      <c r="X10" s="31" t="s">
        <v>1</v>
      </c>
      <c r="Y10" s="52" t="s">
        <v>1</v>
      </c>
      <c r="Z10" s="20"/>
      <c r="AA10" s="20"/>
      <c r="AB10" s="20"/>
    </row>
    <row r="11" spans="1:28" customFormat="1" ht="29.1" hidden="1" customHeight="1">
      <c r="A11" s="63" t="s">
        <v>1</v>
      </c>
      <c r="B11" s="51" t="s">
        <v>1</v>
      </c>
      <c r="C11" s="93" t="s">
        <v>1</v>
      </c>
      <c r="D11" s="94"/>
      <c r="E11" s="101" t="s">
        <v>1</v>
      </c>
      <c r="F11" s="102"/>
      <c r="G11" s="103" t="s">
        <v>1</v>
      </c>
      <c r="H11" s="103"/>
      <c r="I11" s="103"/>
      <c r="J11" s="98" t="s">
        <v>1</v>
      </c>
      <c r="K11" s="98"/>
      <c r="L11" s="98"/>
      <c r="M11" s="57" t="s">
        <v>1</v>
      </c>
      <c r="N11" s="99" t="s">
        <v>1</v>
      </c>
      <c r="O11" s="99"/>
      <c r="P11" s="100"/>
      <c r="Q11" s="98" t="s">
        <v>1</v>
      </c>
      <c r="R11" s="98"/>
      <c r="S11" s="98"/>
      <c r="T11" s="58"/>
      <c r="U11" s="99" t="s">
        <v>1</v>
      </c>
      <c r="V11" s="99"/>
      <c r="W11" s="100"/>
      <c r="X11" s="31" t="s">
        <v>1</v>
      </c>
      <c r="Y11" s="52" t="s">
        <v>1</v>
      </c>
      <c r="Z11" s="20"/>
      <c r="AA11" s="20"/>
      <c r="AB11" s="20"/>
    </row>
    <row r="12" spans="1:28" customFormat="1" ht="29.1" hidden="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241</v>
      </c>
      <c r="H23" s="124"/>
      <c r="I23" s="124"/>
      <c r="J23" s="121" t="s">
        <v>242</v>
      </c>
      <c r="K23" s="121"/>
      <c r="L23" s="121"/>
      <c r="M23" s="59" t="s">
        <v>1</v>
      </c>
      <c r="N23" s="119" t="s">
        <v>242</v>
      </c>
      <c r="O23" s="119"/>
      <c r="P23" s="120"/>
      <c r="Q23" s="121" t="s">
        <v>31</v>
      </c>
      <c r="R23" s="121"/>
      <c r="S23" s="121"/>
      <c r="T23" s="60"/>
      <c r="U23" s="119" t="s">
        <v>31</v>
      </c>
      <c r="V23" s="119"/>
      <c r="W23" s="120"/>
      <c r="X23" s="61" t="s">
        <v>44</v>
      </c>
      <c r="Y23" s="67" t="s">
        <v>243</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3"/>
      <c r="G28" s="144"/>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449</v>
      </c>
      <c r="C29" s="148"/>
      <c r="D29" s="159" t="s">
        <v>1</v>
      </c>
      <c r="E29" s="160"/>
      <c r="F29" s="161" t="s">
        <v>1</v>
      </c>
      <c r="G29" s="162"/>
      <c r="H29" s="65" t="s">
        <v>1</v>
      </c>
      <c r="I29" s="91" t="s">
        <v>241</v>
      </c>
      <c r="J29" s="92"/>
      <c r="K29" s="55" t="s">
        <v>1</v>
      </c>
      <c r="L29" s="91" t="s">
        <v>242</v>
      </c>
      <c r="M29" s="91"/>
      <c r="N29" s="92"/>
      <c r="O29" s="55" t="s">
        <v>1</v>
      </c>
      <c r="P29" s="91" t="s">
        <v>31</v>
      </c>
      <c r="Q29" s="92"/>
      <c r="R29" s="55" t="s">
        <v>1</v>
      </c>
      <c r="S29" s="91" t="s">
        <v>243</v>
      </c>
      <c r="T29" s="91"/>
      <c r="U29" s="92"/>
      <c r="V29" s="55" t="s">
        <v>1</v>
      </c>
      <c r="W29" s="91" t="s">
        <v>243</v>
      </c>
      <c r="X29" s="91"/>
      <c r="Y29" s="157"/>
      <c r="Z29" s="4"/>
    </row>
    <row r="30" spans="1:28" customFormat="1" ht="28.5" customHeight="1">
      <c r="A30" s="64" t="s">
        <v>1</v>
      </c>
      <c r="B30" s="147" t="s">
        <v>1</v>
      </c>
      <c r="C30" s="148"/>
      <c r="D30" s="93" t="s">
        <v>26</v>
      </c>
      <c r="E30" s="94"/>
      <c r="F30" s="153" t="s">
        <v>151</v>
      </c>
      <c r="G30" s="154"/>
      <c r="H30" s="36" t="s">
        <v>1</v>
      </c>
      <c r="I30" s="99" t="s">
        <v>241</v>
      </c>
      <c r="J30" s="100"/>
      <c r="K30" s="31" t="s">
        <v>1</v>
      </c>
      <c r="L30" s="99" t="s">
        <v>242</v>
      </c>
      <c r="M30" s="99"/>
      <c r="N30" s="100"/>
      <c r="O30" s="31" t="s">
        <v>1</v>
      </c>
      <c r="P30" s="99" t="s">
        <v>31</v>
      </c>
      <c r="Q30" s="100"/>
      <c r="R30" s="31" t="s">
        <v>1</v>
      </c>
      <c r="S30" s="99" t="s">
        <v>243</v>
      </c>
      <c r="T30" s="99"/>
      <c r="U30" s="100"/>
      <c r="V30" s="31" t="s">
        <v>1</v>
      </c>
      <c r="W30" s="99" t="s">
        <v>243</v>
      </c>
      <c r="X30" s="99"/>
      <c r="Y30" s="152"/>
      <c r="Z30" s="4"/>
    </row>
    <row r="31" spans="1:28" customFormat="1" ht="28.5" hidden="1" customHeight="1">
      <c r="A31" s="64" t="s">
        <v>92</v>
      </c>
      <c r="B31" s="147" t="s">
        <v>1</v>
      </c>
      <c r="C31" s="148"/>
      <c r="D31" s="93" t="s">
        <v>1</v>
      </c>
      <c r="E31" s="94"/>
      <c r="F31" s="153" t="s">
        <v>1</v>
      </c>
      <c r="G31" s="154"/>
      <c r="H31" s="36" t="s">
        <v>1</v>
      </c>
      <c r="I31" s="99" t="s">
        <v>241</v>
      </c>
      <c r="J31" s="100"/>
      <c r="K31" s="31" t="s">
        <v>1</v>
      </c>
      <c r="L31" s="99" t="s">
        <v>242</v>
      </c>
      <c r="M31" s="99"/>
      <c r="N31" s="100"/>
      <c r="O31" s="31" t="s">
        <v>1</v>
      </c>
      <c r="P31" s="99" t="s">
        <v>31</v>
      </c>
      <c r="Q31" s="100"/>
      <c r="R31" s="31" t="s">
        <v>1</v>
      </c>
      <c r="S31" s="99" t="s">
        <v>243</v>
      </c>
      <c r="T31" s="99"/>
      <c r="U31" s="100"/>
      <c r="V31" s="31" t="s">
        <v>1</v>
      </c>
      <c r="W31" s="99" t="s">
        <v>243</v>
      </c>
      <c r="X31" s="99"/>
      <c r="Y31" s="152"/>
      <c r="Z31" s="4"/>
    </row>
    <row r="32" spans="1:28" customFormat="1" ht="28.5" hidden="1" customHeight="1">
      <c r="A32" s="64" t="s">
        <v>1</v>
      </c>
      <c r="B32" s="147" t="s">
        <v>1</v>
      </c>
      <c r="C32" s="148"/>
      <c r="D32" s="93" t="s">
        <v>1</v>
      </c>
      <c r="E32" s="94"/>
      <c r="F32" s="153" t="s">
        <v>1</v>
      </c>
      <c r="G32" s="154"/>
      <c r="H32" s="36" t="s">
        <v>5</v>
      </c>
      <c r="I32" s="99" t="s">
        <v>1</v>
      </c>
      <c r="J32" s="100"/>
      <c r="K32" s="31" t="s">
        <v>95</v>
      </c>
      <c r="L32" s="99" t="s">
        <v>1</v>
      </c>
      <c r="M32" s="99"/>
      <c r="N32" s="100"/>
      <c r="O32" s="31" t="s">
        <v>1</v>
      </c>
      <c r="P32" s="99" t="s">
        <v>1</v>
      </c>
      <c r="Q32" s="100"/>
      <c r="R32" s="31" t="s">
        <v>1</v>
      </c>
      <c r="S32" s="99" t="s">
        <v>1</v>
      </c>
      <c r="T32" s="99"/>
      <c r="U32" s="100"/>
      <c r="V32" s="31" t="s">
        <v>1</v>
      </c>
      <c r="W32" s="99" t="s">
        <v>1</v>
      </c>
      <c r="X32" s="99"/>
      <c r="Y32" s="152"/>
      <c r="Z32" s="4"/>
    </row>
    <row r="33" spans="1:26" customFormat="1" ht="28.5" hidden="1" customHeight="1">
      <c r="A33" s="64" t="s">
        <v>1</v>
      </c>
      <c r="B33" s="147" t="s">
        <v>1</v>
      </c>
      <c r="C33" s="148"/>
      <c r="D33" s="93" t="s">
        <v>1</v>
      </c>
      <c r="E33" s="94"/>
      <c r="F33" s="153" t="s">
        <v>1</v>
      </c>
      <c r="G33" s="154"/>
      <c r="H33" s="36" t="s">
        <v>94</v>
      </c>
      <c r="I33" s="99" t="s">
        <v>1</v>
      </c>
      <c r="J33" s="100"/>
      <c r="K33" s="31" t="s">
        <v>95</v>
      </c>
      <c r="L33" s="99" t="s">
        <v>1</v>
      </c>
      <c r="M33" s="99"/>
      <c r="N33" s="100"/>
      <c r="O33" s="31" t="s">
        <v>1</v>
      </c>
      <c r="P33" s="99" t="s">
        <v>1</v>
      </c>
      <c r="Q33" s="100"/>
      <c r="R33" s="31" t="s">
        <v>1</v>
      </c>
      <c r="S33" s="99" t="s">
        <v>1</v>
      </c>
      <c r="T33" s="99"/>
      <c r="U33" s="100"/>
      <c r="V33" s="31" t="s">
        <v>1</v>
      </c>
      <c r="W33" s="99" t="s">
        <v>1</v>
      </c>
      <c r="X33" s="99"/>
      <c r="Y33" s="152"/>
      <c r="Z33" s="4"/>
    </row>
    <row r="34" spans="1:26" customFormat="1" ht="28.5" hidden="1" customHeight="1">
      <c r="A34" s="64" t="s">
        <v>1</v>
      </c>
      <c r="B34" s="147" t="s">
        <v>1</v>
      </c>
      <c r="C34" s="148"/>
      <c r="D34" s="93" t="s">
        <v>1</v>
      </c>
      <c r="E34" s="94"/>
      <c r="F34" s="153" t="s">
        <v>96</v>
      </c>
      <c r="G34" s="154"/>
      <c r="H34" s="36" t="s">
        <v>1</v>
      </c>
      <c r="I34" s="99" t="s">
        <v>1</v>
      </c>
      <c r="J34" s="100"/>
      <c r="K34" s="31" t="s">
        <v>1</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1</v>
      </c>
      <c r="G35" s="154"/>
      <c r="H35" s="36" t="s">
        <v>1</v>
      </c>
      <c r="I35" s="99" t="s">
        <v>8</v>
      </c>
      <c r="J35" s="100"/>
      <c r="K35" s="31" t="s">
        <v>1</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1</v>
      </c>
      <c r="I36" s="99" t="s">
        <v>1</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241</v>
      </c>
      <c r="J45" s="120"/>
      <c r="K45" s="61" t="s">
        <v>1</v>
      </c>
      <c r="L45" s="119" t="s">
        <v>242</v>
      </c>
      <c r="M45" s="119"/>
      <c r="N45" s="120"/>
      <c r="O45" s="61" t="s">
        <v>1</v>
      </c>
      <c r="P45" s="119" t="s">
        <v>31</v>
      </c>
      <c r="Q45" s="120"/>
      <c r="R45" s="61" t="s">
        <v>1</v>
      </c>
      <c r="S45" s="119" t="s">
        <v>243</v>
      </c>
      <c r="T45" s="119"/>
      <c r="U45" s="120"/>
      <c r="V45" s="61" t="s">
        <v>1</v>
      </c>
      <c r="W45" s="119" t="s">
        <v>243</v>
      </c>
      <c r="X45" s="119"/>
      <c r="Y45" s="151"/>
      <c r="Z45" s="7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95</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8" pageOrder="overThenDown" orientation="portrait" useFirstPageNumber="1"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topLeftCell="A23" zoomScale="115" zoomScaleNormal="100"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206</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207</v>
      </c>
      <c r="C6" s="93" t="s">
        <v>1</v>
      </c>
      <c r="D6" s="94"/>
      <c r="E6" s="95" t="s">
        <v>1</v>
      </c>
      <c r="F6" s="96"/>
      <c r="G6" s="97" t="s">
        <v>208</v>
      </c>
      <c r="H6" s="97"/>
      <c r="I6" s="97"/>
      <c r="J6" s="90" t="s">
        <v>209</v>
      </c>
      <c r="K6" s="90"/>
      <c r="L6" s="90"/>
      <c r="M6" s="53" t="s">
        <v>210</v>
      </c>
      <c r="N6" s="169" t="s">
        <v>456</v>
      </c>
      <c r="O6" s="91"/>
      <c r="P6" s="92"/>
      <c r="Q6" s="90" t="s">
        <v>212</v>
      </c>
      <c r="R6" s="90"/>
      <c r="S6" s="90"/>
      <c r="T6" s="54"/>
      <c r="U6" s="91" t="s">
        <v>213</v>
      </c>
      <c r="V6" s="91"/>
      <c r="W6" s="92"/>
      <c r="X6" s="55" t="s">
        <v>1</v>
      </c>
      <c r="Y6" s="56" t="s">
        <v>214</v>
      </c>
      <c r="Z6" s="20"/>
      <c r="AA6" s="14"/>
      <c r="AB6" s="20"/>
    </row>
    <row r="7" spans="1:28" customFormat="1" ht="29.1" customHeight="1">
      <c r="A7" s="63" t="s">
        <v>1</v>
      </c>
      <c r="B7" s="51" t="s">
        <v>1</v>
      </c>
      <c r="C7" s="93" t="s">
        <v>26</v>
      </c>
      <c r="D7" s="94"/>
      <c r="E7" s="101" t="s">
        <v>34</v>
      </c>
      <c r="F7" s="102"/>
      <c r="G7" s="103" t="s">
        <v>215</v>
      </c>
      <c r="H7" s="103"/>
      <c r="I7" s="103"/>
      <c r="J7" s="98" t="s">
        <v>216</v>
      </c>
      <c r="K7" s="98"/>
      <c r="L7" s="98"/>
      <c r="M7" s="57" t="s">
        <v>210</v>
      </c>
      <c r="N7" s="168" t="s">
        <v>457</v>
      </c>
      <c r="O7" s="99"/>
      <c r="P7" s="100"/>
      <c r="Q7" s="98" t="s">
        <v>217</v>
      </c>
      <c r="R7" s="98"/>
      <c r="S7" s="98"/>
      <c r="T7" s="58"/>
      <c r="U7" s="99" t="s">
        <v>218</v>
      </c>
      <c r="V7" s="99"/>
      <c r="W7" s="100"/>
      <c r="X7" s="31" t="s">
        <v>1</v>
      </c>
      <c r="Y7" s="52" t="s">
        <v>219</v>
      </c>
      <c r="Z7" s="20"/>
      <c r="AA7" s="20"/>
      <c r="AB7" s="20"/>
    </row>
    <row r="8" spans="1:28" customFormat="1" ht="29.1" customHeight="1">
      <c r="A8" s="63" t="s">
        <v>1</v>
      </c>
      <c r="B8" s="51" t="s">
        <v>1</v>
      </c>
      <c r="C8" s="93" t="s">
        <v>40</v>
      </c>
      <c r="D8" s="94"/>
      <c r="E8" s="101" t="s">
        <v>41</v>
      </c>
      <c r="F8" s="102"/>
      <c r="G8" s="103" t="s">
        <v>220</v>
      </c>
      <c r="H8" s="103"/>
      <c r="I8" s="103"/>
      <c r="J8" s="98" t="s">
        <v>220</v>
      </c>
      <c r="K8" s="98"/>
      <c r="L8" s="98"/>
      <c r="M8" s="57" t="s">
        <v>1</v>
      </c>
      <c r="N8" s="99" t="s">
        <v>220</v>
      </c>
      <c r="O8" s="99"/>
      <c r="P8" s="100"/>
      <c r="Q8" s="98" t="s">
        <v>31</v>
      </c>
      <c r="R8" s="98"/>
      <c r="S8" s="98"/>
      <c r="T8" s="58"/>
      <c r="U8" s="99" t="s">
        <v>31</v>
      </c>
      <c r="V8" s="99"/>
      <c r="W8" s="100"/>
      <c r="X8" s="31" t="s">
        <v>1</v>
      </c>
      <c r="Y8" s="52" t="s">
        <v>31</v>
      </c>
      <c r="Z8" s="20"/>
      <c r="AA8" s="20"/>
      <c r="AB8" s="20"/>
    </row>
    <row r="9" spans="1:28" customFormat="1" ht="29.1" customHeight="1">
      <c r="A9" s="63" t="s">
        <v>1</v>
      </c>
      <c r="B9" s="51" t="s">
        <v>1</v>
      </c>
      <c r="C9" s="93" t="s">
        <v>46</v>
      </c>
      <c r="D9" s="94"/>
      <c r="E9" s="101" t="s">
        <v>47</v>
      </c>
      <c r="F9" s="102"/>
      <c r="G9" s="103" t="s">
        <v>221</v>
      </c>
      <c r="H9" s="103"/>
      <c r="I9" s="103"/>
      <c r="J9" s="98" t="s">
        <v>222</v>
      </c>
      <c r="K9" s="98"/>
      <c r="L9" s="98"/>
      <c r="M9" s="57" t="s">
        <v>1</v>
      </c>
      <c r="N9" s="99" t="s">
        <v>222</v>
      </c>
      <c r="O9" s="99"/>
      <c r="P9" s="100"/>
      <c r="Q9" s="98" t="s">
        <v>31</v>
      </c>
      <c r="R9" s="98"/>
      <c r="S9" s="98"/>
      <c r="T9" s="58"/>
      <c r="U9" s="99" t="s">
        <v>31</v>
      </c>
      <c r="V9" s="99"/>
      <c r="W9" s="100"/>
      <c r="X9" s="31" t="s">
        <v>1</v>
      </c>
      <c r="Y9" s="52" t="s">
        <v>223</v>
      </c>
      <c r="Z9" s="20"/>
      <c r="AA9" s="20"/>
      <c r="AB9" s="20"/>
    </row>
    <row r="10" spans="1:28" customFormat="1" ht="29.1" customHeight="1">
      <c r="A10" s="63" t="s">
        <v>1</v>
      </c>
      <c r="B10" s="51" t="s">
        <v>1</v>
      </c>
      <c r="C10" s="93" t="s">
        <v>51</v>
      </c>
      <c r="D10" s="94"/>
      <c r="E10" s="101" t="s">
        <v>52</v>
      </c>
      <c r="F10" s="102"/>
      <c r="G10" s="103" t="s">
        <v>224</v>
      </c>
      <c r="H10" s="103"/>
      <c r="I10" s="103"/>
      <c r="J10" s="98" t="s">
        <v>225</v>
      </c>
      <c r="K10" s="98"/>
      <c r="L10" s="98"/>
      <c r="M10" s="57" t="s">
        <v>1</v>
      </c>
      <c r="N10" s="99" t="s">
        <v>226</v>
      </c>
      <c r="O10" s="99"/>
      <c r="P10" s="100"/>
      <c r="Q10" s="98" t="s">
        <v>227</v>
      </c>
      <c r="R10" s="98"/>
      <c r="S10" s="98"/>
      <c r="T10" s="58"/>
      <c r="U10" s="99" t="s">
        <v>228</v>
      </c>
      <c r="V10" s="99"/>
      <c r="W10" s="100"/>
      <c r="X10" s="31" t="s">
        <v>1</v>
      </c>
      <c r="Y10" s="52" t="s">
        <v>229</v>
      </c>
      <c r="Z10" s="20"/>
      <c r="AA10" s="20"/>
      <c r="AB10" s="20"/>
    </row>
    <row r="11" spans="1:28" customFormat="1" ht="29.1" hidden="1" customHeight="1">
      <c r="A11" s="63" t="s">
        <v>68</v>
      </c>
      <c r="B11" s="51" t="s">
        <v>1</v>
      </c>
      <c r="C11" s="93" t="s">
        <v>1</v>
      </c>
      <c r="D11" s="94"/>
      <c r="E11" s="101" t="s">
        <v>1</v>
      </c>
      <c r="F11" s="102"/>
      <c r="G11" s="103" t="s">
        <v>208</v>
      </c>
      <c r="H11" s="103"/>
      <c r="I11" s="103"/>
      <c r="J11" s="98" t="s">
        <v>209</v>
      </c>
      <c r="K11" s="98"/>
      <c r="L11" s="98"/>
      <c r="M11" s="57" t="s">
        <v>210</v>
      </c>
      <c r="N11" s="99" t="s">
        <v>211</v>
      </c>
      <c r="O11" s="99"/>
      <c r="P11" s="100"/>
      <c r="Q11" s="98" t="s">
        <v>212</v>
      </c>
      <c r="R11" s="98"/>
      <c r="S11" s="98"/>
      <c r="T11" s="58"/>
      <c r="U11" s="99" t="s">
        <v>213</v>
      </c>
      <c r="V11" s="99"/>
      <c r="W11" s="100"/>
      <c r="X11" s="31" t="s">
        <v>1</v>
      </c>
      <c r="Y11" s="52" t="s">
        <v>214</v>
      </c>
      <c r="Z11" s="20"/>
      <c r="AA11" s="20"/>
      <c r="AB11" s="20"/>
    </row>
    <row r="12" spans="1:28" customFormat="1" ht="29.1" hidden="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208</v>
      </c>
      <c r="H23" s="124"/>
      <c r="I23" s="124"/>
      <c r="J23" s="121" t="s">
        <v>209</v>
      </c>
      <c r="K23" s="121"/>
      <c r="L23" s="121"/>
      <c r="M23" s="59" t="s">
        <v>210</v>
      </c>
      <c r="N23" s="167" t="s">
        <v>458</v>
      </c>
      <c r="O23" s="119"/>
      <c r="P23" s="120"/>
      <c r="Q23" s="121" t="s">
        <v>212</v>
      </c>
      <c r="R23" s="121"/>
      <c r="S23" s="121"/>
      <c r="T23" s="60"/>
      <c r="U23" s="119" t="s">
        <v>213</v>
      </c>
      <c r="V23" s="119"/>
      <c r="W23" s="120"/>
      <c r="X23" s="61" t="s">
        <v>1</v>
      </c>
      <c r="Y23" s="62" t="s">
        <v>214</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3"/>
      <c r="G28" s="144"/>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461</v>
      </c>
      <c r="C29" s="148"/>
      <c r="D29" s="159" t="s">
        <v>1</v>
      </c>
      <c r="E29" s="160"/>
      <c r="F29" s="161" t="s">
        <v>1</v>
      </c>
      <c r="G29" s="162"/>
      <c r="H29" s="65" t="s">
        <v>1</v>
      </c>
      <c r="I29" s="91" t="s">
        <v>208</v>
      </c>
      <c r="J29" s="92"/>
      <c r="K29" s="55" t="s">
        <v>1</v>
      </c>
      <c r="L29" s="91" t="s">
        <v>230</v>
      </c>
      <c r="M29" s="91"/>
      <c r="N29" s="92"/>
      <c r="O29" s="55" t="s">
        <v>1</v>
      </c>
      <c r="P29" s="91" t="s">
        <v>31</v>
      </c>
      <c r="Q29" s="92"/>
      <c r="R29" s="55" t="s">
        <v>1</v>
      </c>
      <c r="S29" s="91" t="s">
        <v>231</v>
      </c>
      <c r="T29" s="91"/>
      <c r="U29" s="92"/>
      <c r="V29" s="55" t="s">
        <v>1</v>
      </c>
      <c r="W29" s="91" t="s">
        <v>231</v>
      </c>
      <c r="X29" s="91"/>
      <c r="Y29" s="157"/>
      <c r="Z29" s="4"/>
    </row>
    <row r="30" spans="1:28" customFormat="1" ht="28.5" customHeight="1">
      <c r="A30" s="64" t="s">
        <v>1</v>
      </c>
      <c r="B30" s="147" t="s">
        <v>1</v>
      </c>
      <c r="C30" s="148"/>
      <c r="D30" s="93" t="s">
        <v>26</v>
      </c>
      <c r="E30" s="94"/>
      <c r="F30" s="153" t="s">
        <v>72</v>
      </c>
      <c r="G30" s="154"/>
      <c r="H30" s="36" t="s">
        <v>1</v>
      </c>
      <c r="I30" s="99" t="s">
        <v>232</v>
      </c>
      <c r="J30" s="100"/>
      <c r="K30" s="31" t="s">
        <v>1</v>
      </c>
      <c r="L30" s="99" t="s">
        <v>233</v>
      </c>
      <c r="M30" s="99"/>
      <c r="N30" s="100"/>
      <c r="O30" s="31" t="s">
        <v>1</v>
      </c>
      <c r="P30" s="99" t="s">
        <v>31</v>
      </c>
      <c r="Q30" s="100"/>
      <c r="R30" s="31" t="s">
        <v>1</v>
      </c>
      <c r="S30" s="99" t="s">
        <v>234</v>
      </c>
      <c r="T30" s="99"/>
      <c r="U30" s="100"/>
      <c r="V30" s="31" t="s">
        <v>1</v>
      </c>
      <c r="W30" s="99" t="s">
        <v>234</v>
      </c>
      <c r="X30" s="99"/>
      <c r="Y30" s="152"/>
      <c r="Z30" s="4"/>
    </row>
    <row r="31" spans="1:28" customFormat="1" ht="28.5" customHeight="1">
      <c r="A31" s="64" t="s">
        <v>1</v>
      </c>
      <c r="B31" s="147" t="s">
        <v>1</v>
      </c>
      <c r="C31" s="148"/>
      <c r="D31" s="93" t="s">
        <v>40</v>
      </c>
      <c r="E31" s="94"/>
      <c r="F31" s="153" t="s">
        <v>80</v>
      </c>
      <c r="G31" s="154"/>
      <c r="H31" s="36" t="s">
        <v>1</v>
      </c>
      <c r="I31" s="99" t="s">
        <v>235</v>
      </c>
      <c r="J31" s="100"/>
      <c r="K31" s="31" t="s">
        <v>1</v>
      </c>
      <c r="L31" s="99" t="s">
        <v>236</v>
      </c>
      <c r="M31" s="99"/>
      <c r="N31" s="100"/>
      <c r="O31" s="31" t="s">
        <v>1</v>
      </c>
      <c r="P31" s="99" t="s">
        <v>31</v>
      </c>
      <c r="Q31" s="100"/>
      <c r="R31" s="31" t="s">
        <v>1</v>
      </c>
      <c r="S31" s="99" t="s">
        <v>237</v>
      </c>
      <c r="T31" s="99"/>
      <c r="U31" s="100"/>
      <c r="V31" s="31" t="s">
        <v>1</v>
      </c>
      <c r="W31" s="99" t="s">
        <v>237</v>
      </c>
      <c r="X31" s="99"/>
      <c r="Y31" s="152"/>
      <c r="Z31" s="4"/>
    </row>
    <row r="32" spans="1:28" customFormat="1" ht="28.5" hidden="1" customHeight="1">
      <c r="A32" s="64" t="s">
        <v>92</v>
      </c>
      <c r="B32" s="147" t="s">
        <v>1</v>
      </c>
      <c r="C32" s="148"/>
      <c r="D32" s="93" t="s">
        <v>1</v>
      </c>
      <c r="E32" s="94"/>
      <c r="F32" s="153" t="s">
        <v>1</v>
      </c>
      <c r="G32" s="154"/>
      <c r="H32" s="36" t="s">
        <v>1</v>
      </c>
      <c r="I32" s="99" t="s">
        <v>208</v>
      </c>
      <c r="J32" s="100"/>
      <c r="K32" s="31" t="s">
        <v>1</v>
      </c>
      <c r="L32" s="99" t="s">
        <v>230</v>
      </c>
      <c r="M32" s="99"/>
      <c r="N32" s="100"/>
      <c r="O32" s="31" t="s">
        <v>1</v>
      </c>
      <c r="P32" s="99" t="s">
        <v>31</v>
      </c>
      <c r="Q32" s="100"/>
      <c r="R32" s="31" t="s">
        <v>1</v>
      </c>
      <c r="S32" s="99" t="s">
        <v>231</v>
      </c>
      <c r="T32" s="99"/>
      <c r="U32" s="100"/>
      <c r="V32" s="31" t="s">
        <v>1</v>
      </c>
      <c r="W32" s="99" t="s">
        <v>231</v>
      </c>
      <c r="X32" s="99"/>
      <c r="Y32" s="152"/>
      <c r="Z32" s="4"/>
    </row>
    <row r="33" spans="1:26" customFormat="1" ht="28.5" hidden="1" customHeight="1">
      <c r="A33" s="64" t="s">
        <v>1</v>
      </c>
      <c r="B33" s="147" t="s">
        <v>1</v>
      </c>
      <c r="C33" s="148"/>
      <c r="D33" s="93" t="s">
        <v>1</v>
      </c>
      <c r="E33" s="94"/>
      <c r="F33" s="153" t="s">
        <v>1</v>
      </c>
      <c r="G33" s="154"/>
      <c r="H33" s="36" t="s">
        <v>5</v>
      </c>
      <c r="I33" s="99" t="s">
        <v>1</v>
      </c>
      <c r="J33" s="100"/>
      <c r="K33" s="31" t="s">
        <v>238</v>
      </c>
      <c r="L33" s="99" t="s">
        <v>1</v>
      </c>
      <c r="M33" s="99"/>
      <c r="N33" s="100"/>
      <c r="O33" s="31" t="s">
        <v>1</v>
      </c>
      <c r="P33" s="99" t="s">
        <v>1</v>
      </c>
      <c r="Q33" s="100"/>
      <c r="R33" s="31" t="s">
        <v>1</v>
      </c>
      <c r="S33" s="99" t="s">
        <v>1</v>
      </c>
      <c r="T33" s="99"/>
      <c r="U33" s="100"/>
      <c r="V33" s="31" t="s">
        <v>1</v>
      </c>
      <c r="W33" s="99" t="s">
        <v>1</v>
      </c>
      <c r="X33" s="99"/>
      <c r="Y33" s="152"/>
      <c r="Z33" s="4"/>
    </row>
    <row r="34" spans="1:26" customFormat="1" ht="28.5" hidden="1" customHeight="1">
      <c r="A34" s="64" t="s">
        <v>1</v>
      </c>
      <c r="B34" s="147" t="s">
        <v>1</v>
      </c>
      <c r="C34" s="148"/>
      <c r="D34" s="93" t="s">
        <v>1</v>
      </c>
      <c r="E34" s="94"/>
      <c r="F34" s="153" t="s">
        <v>1</v>
      </c>
      <c r="G34" s="154"/>
      <c r="H34" s="36" t="s">
        <v>94</v>
      </c>
      <c r="I34" s="99" t="s">
        <v>1</v>
      </c>
      <c r="J34" s="100"/>
      <c r="K34" s="31" t="s">
        <v>95</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96</v>
      </c>
      <c r="G35" s="154"/>
      <c r="H35" s="36" t="s">
        <v>1</v>
      </c>
      <c r="I35" s="99" t="s">
        <v>1</v>
      </c>
      <c r="J35" s="100"/>
      <c r="K35" s="31" t="s">
        <v>1</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1</v>
      </c>
      <c r="I36" s="99" t="s">
        <v>8</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208</v>
      </c>
      <c r="J45" s="120"/>
      <c r="K45" s="61" t="s">
        <v>1</v>
      </c>
      <c r="L45" s="119" t="s">
        <v>230</v>
      </c>
      <c r="M45" s="119"/>
      <c r="N45" s="120"/>
      <c r="O45" s="61" t="s">
        <v>1</v>
      </c>
      <c r="P45" s="119" t="s">
        <v>31</v>
      </c>
      <c r="Q45" s="120"/>
      <c r="R45" s="61" t="s">
        <v>1</v>
      </c>
      <c r="S45" s="119" t="s">
        <v>231</v>
      </c>
      <c r="T45" s="119"/>
      <c r="U45" s="120"/>
      <c r="V45" s="61" t="s">
        <v>1</v>
      </c>
      <c r="W45" s="119" t="s">
        <v>231</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238</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9" pageOrder="overThenDown" orientation="portrait" useFirstPageNumber="1"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topLeftCell="A26"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170</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171</v>
      </c>
      <c r="C6" s="93" t="s">
        <v>1</v>
      </c>
      <c r="D6" s="94"/>
      <c r="E6" s="95" t="s">
        <v>1</v>
      </c>
      <c r="F6" s="96"/>
      <c r="G6" s="97" t="s">
        <v>172</v>
      </c>
      <c r="H6" s="97"/>
      <c r="I6" s="97"/>
      <c r="J6" s="90" t="s">
        <v>173</v>
      </c>
      <c r="K6" s="90"/>
      <c r="L6" s="90"/>
      <c r="M6" s="53" t="s">
        <v>1</v>
      </c>
      <c r="N6" s="91" t="s">
        <v>173</v>
      </c>
      <c r="O6" s="91"/>
      <c r="P6" s="92"/>
      <c r="Q6" s="90" t="s">
        <v>31</v>
      </c>
      <c r="R6" s="90"/>
      <c r="S6" s="90"/>
      <c r="T6" s="54"/>
      <c r="U6" s="91" t="s">
        <v>31</v>
      </c>
      <c r="V6" s="91"/>
      <c r="W6" s="92"/>
      <c r="X6" s="55" t="s">
        <v>1</v>
      </c>
      <c r="Y6" s="56" t="s">
        <v>174</v>
      </c>
      <c r="Z6" s="20"/>
      <c r="AA6" s="14"/>
      <c r="AB6" s="20"/>
    </row>
    <row r="7" spans="1:28" customFormat="1" ht="29.1" customHeight="1">
      <c r="A7" s="63" t="s">
        <v>1</v>
      </c>
      <c r="B7" s="51" t="s">
        <v>1</v>
      </c>
      <c r="C7" s="93" t="s">
        <v>26</v>
      </c>
      <c r="D7" s="94"/>
      <c r="E7" s="166" t="s">
        <v>450</v>
      </c>
      <c r="F7" s="102"/>
      <c r="G7" s="103" t="s">
        <v>175</v>
      </c>
      <c r="H7" s="103"/>
      <c r="I7" s="103"/>
      <c r="J7" s="98" t="s">
        <v>176</v>
      </c>
      <c r="K7" s="98"/>
      <c r="L7" s="98"/>
      <c r="M7" s="57" t="s">
        <v>1</v>
      </c>
      <c r="N7" s="99" t="s">
        <v>176</v>
      </c>
      <c r="O7" s="99"/>
      <c r="P7" s="100"/>
      <c r="Q7" s="98" t="s">
        <v>31</v>
      </c>
      <c r="R7" s="98"/>
      <c r="S7" s="98"/>
      <c r="T7" s="58"/>
      <c r="U7" s="99" t="s">
        <v>31</v>
      </c>
      <c r="V7" s="99"/>
      <c r="W7" s="100"/>
      <c r="X7" s="31" t="s">
        <v>1</v>
      </c>
      <c r="Y7" s="52" t="s">
        <v>177</v>
      </c>
      <c r="Z7" s="20"/>
      <c r="AA7" s="20"/>
      <c r="AB7" s="20"/>
    </row>
    <row r="8" spans="1:28" customFormat="1" ht="29.1" customHeight="1">
      <c r="A8" s="63" t="s">
        <v>1</v>
      </c>
      <c r="B8" s="51" t="s">
        <v>1</v>
      </c>
      <c r="C8" s="93" t="s">
        <v>40</v>
      </c>
      <c r="D8" s="94"/>
      <c r="E8" s="101" t="s">
        <v>64</v>
      </c>
      <c r="F8" s="102"/>
      <c r="G8" s="103" t="s">
        <v>178</v>
      </c>
      <c r="H8" s="103"/>
      <c r="I8" s="103"/>
      <c r="J8" s="98" t="s">
        <v>179</v>
      </c>
      <c r="K8" s="98"/>
      <c r="L8" s="98"/>
      <c r="M8" s="57" t="s">
        <v>1</v>
      </c>
      <c r="N8" s="99" t="s">
        <v>179</v>
      </c>
      <c r="O8" s="99"/>
      <c r="P8" s="100"/>
      <c r="Q8" s="98" t="s">
        <v>31</v>
      </c>
      <c r="R8" s="98"/>
      <c r="S8" s="98"/>
      <c r="T8" s="58"/>
      <c r="U8" s="99" t="s">
        <v>31</v>
      </c>
      <c r="V8" s="99"/>
      <c r="W8" s="100"/>
      <c r="X8" s="31" t="s">
        <v>1</v>
      </c>
      <c r="Y8" s="52" t="s">
        <v>180</v>
      </c>
      <c r="Z8" s="20"/>
      <c r="AA8" s="20"/>
      <c r="AB8" s="20"/>
    </row>
    <row r="9" spans="1:28" customFormat="1" ht="29.1" customHeight="1">
      <c r="A9" s="63" t="s">
        <v>1</v>
      </c>
      <c r="B9" s="51" t="s">
        <v>1</v>
      </c>
      <c r="C9" s="93" t="s">
        <v>46</v>
      </c>
      <c r="D9" s="94"/>
      <c r="E9" s="101" t="s">
        <v>121</v>
      </c>
      <c r="F9" s="102"/>
      <c r="G9" s="103" t="s">
        <v>181</v>
      </c>
      <c r="H9" s="103"/>
      <c r="I9" s="103"/>
      <c r="J9" s="98" t="s">
        <v>182</v>
      </c>
      <c r="K9" s="98"/>
      <c r="L9" s="98"/>
      <c r="M9" s="57" t="s">
        <v>1</v>
      </c>
      <c r="N9" s="99" t="s">
        <v>182</v>
      </c>
      <c r="O9" s="99"/>
      <c r="P9" s="100"/>
      <c r="Q9" s="98" t="s">
        <v>31</v>
      </c>
      <c r="R9" s="98"/>
      <c r="S9" s="98"/>
      <c r="T9" s="58"/>
      <c r="U9" s="99" t="s">
        <v>31</v>
      </c>
      <c r="V9" s="99"/>
      <c r="W9" s="100"/>
      <c r="X9" s="31" t="s">
        <v>44</v>
      </c>
      <c r="Y9" s="52" t="s">
        <v>183</v>
      </c>
      <c r="Z9" s="20"/>
      <c r="AA9" s="20"/>
      <c r="AB9" s="20"/>
    </row>
    <row r="10" spans="1:28" customFormat="1" ht="29.1" customHeight="1">
      <c r="A10" s="63" t="s">
        <v>1</v>
      </c>
      <c r="B10" s="51" t="s">
        <v>1</v>
      </c>
      <c r="C10" s="93" t="s">
        <v>51</v>
      </c>
      <c r="D10" s="94"/>
      <c r="E10" s="101" t="s">
        <v>41</v>
      </c>
      <c r="F10" s="102"/>
      <c r="G10" s="103" t="s">
        <v>184</v>
      </c>
      <c r="H10" s="103"/>
      <c r="I10" s="103"/>
      <c r="J10" s="98" t="s">
        <v>185</v>
      </c>
      <c r="K10" s="98"/>
      <c r="L10" s="98"/>
      <c r="M10" s="57" t="s">
        <v>1</v>
      </c>
      <c r="N10" s="99" t="s">
        <v>185</v>
      </c>
      <c r="O10" s="99"/>
      <c r="P10" s="100"/>
      <c r="Q10" s="98" t="s">
        <v>31</v>
      </c>
      <c r="R10" s="98"/>
      <c r="S10" s="98"/>
      <c r="T10" s="58"/>
      <c r="U10" s="99" t="s">
        <v>31</v>
      </c>
      <c r="V10" s="99"/>
      <c r="W10" s="100"/>
      <c r="X10" s="31" t="s">
        <v>44</v>
      </c>
      <c r="Y10" s="52" t="s">
        <v>186</v>
      </c>
      <c r="Z10" s="20"/>
      <c r="AA10" s="20"/>
      <c r="AB10" s="20"/>
    </row>
    <row r="11" spans="1:28" customFormat="1" ht="29.1" customHeight="1">
      <c r="A11" s="63" t="s">
        <v>1</v>
      </c>
      <c r="B11" s="51" t="s">
        <v>1</v>
      </c>
      <c r="C11" s="93" t="s">
        <v>58</v>
      </c>
      <c r="D11" s="94"/>
      <c r="E11" s="101" t="s">
        <v>52</v>
      </c>
      <c r="F11" s="102"/>
      <c r="G11" s="103" t="s">
        <v>187</v>
      </c>
      <c r="H11" s="103"/>
      <c r="I11" s="103"/>
      <c r="J11" s="98" t="s">
        <v>188</v>
      </c>
      <c r="K11" s="98"/>
      <c r="L11" s="98"/>
      <c r="M11" s="57" t="s">
        <v>1</v>
      </c>
      <c r="N11" s="99" t="s">
        <v>188</v>
      </c>
      <c r="O11" s="99"/>
      <c r="P11" s="100"/>
      <c r="Q11" s="98" t="s">
        <v>31</v>
      </c>
      <c r="R11" s="98"/>
      <c r="S11" s="98"/>
      <c r="T11" s="58"/>
      <c r="U11" s="99" t="s">
        <v>31</v>
      </c>
      <c r="V11" s="99"/>
      <c r="W11" s="100"/>
      <c r="X11" s="31" t="s">
        <v>1</v>
      </c>
      <c r="Y11" s="52" t="s">
        <v>189</v>
      </c>
      <c r="Z11" s="20"/>
      <c r="AA11" s="20"/>
      <c r="AB11" s="20"/>
    </row>
    <row r="12" spans="1:28" customFormat="1" ht="29.1" customHeight="1">
      <c r="A12" s="63" t="s">
        <v>1</v>
      </c>
      <c r="B12" s="51" t="s">
        <v>1</v>
      </c>
      <c r="C12" s="93" t="s">
        <v>63</v>
      </c>
      <c r="D12" s="94"/>
      <c r="E12" s="101" t="s">
        <v>47</v>
      </c>
      <c r="F12" s="102"/>
      <c r="G12" s="103" t="s">
        <v>190</v>
      </c>
      <c r="H12" s="103"/>
      <c r="I12" s="103"/>
      <c r="J12" s="98" t="s">
        <v>191</v>
      </c>
      <c r="K12" s="98"/>
      <c r="L12" s="98"/>
      <c r="M12" s="57" t="s">
        <v>1</v>
      </c>
      <c r="N12" s="99" t="s">
        <v>191</v>
      </c>
      <c r="O12" s="99"/>
      <c r="P12" s="100"/>
      <c r="Q12" s="98" t="s">
        <v>31</v>
      </c>
      <c r="R12" s="98"/>
      <c r="S12" s="98"/>
      <c r="T12" s="58"/>
      <c r="U12" s="99" t="s">
        <v>31</v>
      </c>
      <c r="V12" s="99"/>
      <c r="W12" s="100"/>
      <c r="X12" s="31" t="s">
        <v>1</v>
      </c>
      <c r="Y12" s="52" t="s">
        <v>192</v>
      </c>
      <c r="Z12" s="20"/>
      <c r="AA12" s="20"/>
      <c r="AB12" s="20"/>
    </row>
    <row r="13" spans="1:28" customFormat="1" ht="29.1" hidden="1" customHeight="1">
      <c r="A13" s="63" t="s">
        <v>68</v>
      </c>
      <c r="B13" s="51" t="s">
        <v>1</v>
      </c>
      <c r="C13" s="93" t="s">
        <v>1</v>
      </c>
      <c r="D13" s="94"/>
      <c r="E13" s="101" t="s">
        <v>1</v>
      </c>
      <c r="F13" s="102"/>
      <c r="G13" s="103" t="s">
        <v>172</v>
      </c>
      <c r="H13" s="103"/>
      <c r="I13" s="103"/>
      <c r="J13" s="98" t="s">
        <v>173</v>
      </c>
      <c r="K13" s="98"/>
      <c r="L13" s="98"/>
      <c r="M13" s="57" t="s">
        <v>1</v>
      </c>
      <c r="N13" s="99" t="s">
        <v>173</v>
      </c>
      <c r="O13" s="99"/>
      <c r="P13" s="100"/>
      <c r="Q13" s="98" t="s">
        <v>31</v>
      </c>
      <c r="R13" s="98"/>
      <c r="S13" s="98"/>
      <c r="T13" s="58"/>
      <c r="U13" s="99" t="s">
        <v>31</v>
      </c>
      <c r="V13" s="99"/>
      <c r="W13" s="100"/>
      <c r="X13" s="31" t="s">
        <v>1</v>
      </c>
      <c r="Y13" s="52" t="s">
        <v>174</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172</v>
      </c>
      <c r="H23" s="124"/>
      <c r="I23" s="124"/>
      <c r="J23" s="121" t="s">
        <v>173</v>
      </c>
      <c r="K23" s="121"/>
      <c r="L23" s="121"/>
      <c r="M23" s="59" t="s">
        <v>1</v>
      </c>
      <c r="N23" s="119" t="s">
        <v>173</v>
      </c>
      <c r="O23" s="119"/>
      <c r="P23" s="120"/>
      <c r="Q23" s="121" t="s">
        <v>31</v>
      </c>
      <c r="R23" s="121"/>
      <c r="S23" s="121"/>
      <c r="T23" s="60"/>
      <c r="U23" s="119" t="s">
        <v>31</v>
      </c>
      <c r="V23" s="119"/>
      <c r="W23" s="120"/>
      <c r="X23" s="61" t="s">
        <v>1</v>
      </c>
      <c r="Y23" s="62" t="s">
        <v>174</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451</v>
      </c>
      <c r="C29" s="148"/>
      <c r="D29" s="159" t="s">
        <v>1</v>
      </c>
      <c r="E29" s="160"/>
      <c r="F29" s="161" t="s">
        <v>1</v>
      </c>
      <c r="G29" s="162"/>
      <c r="H29" s="65" t="s">
        <v>1</v>
      </c>
      <c r="I29" s="91" t="s">
        <v>172</v>
      </c>
      <c r="J29" s="92"/>
      <c r="K29" s="55" t="s">
        <v>1</v>
      </c>
      <c r="L29" s="91" t="s">
        <v>193</v>
      </c>
      <c r="M29" s="91"/>
      <c r="N29" s="92"/>
      <c r="O29" s="55" t="s">
        <v>1</v>
      </c>
      <c r="P29" s="91" t="s">
        <v>31</v>
      </c>
      <c r="Q29" s="92"/>
      <c r="R29" s="55" t="s">
        <v>1</v>
      </c>
      <c r="S29" s="91" t="s">
        <v>194</v>
      </c>
      <c r="T29" s="91"/>
      <c r="U29" s="92"/>
      <c r="V29" s="55" t="s">
        <v>1</v>
      </c>
      <c r="W29" s="91" t="s">
        <v>194</v>
      </c>
      <c r="X29" s="91"/>
      <c r="Y29" s="157"/>
      <c r="Z29" s="4"/>
    </row>
    <row r="30" spans="1:28" customFormat="1" ht="28.5" customHeight="1">
      <c r="A30" s="64" t="s">
        <v>1</v>
      </c>
      <c r="B30" s="147" t="s">
        <v>1</v>
      </c>
      <c r="C30" s="148"/>
      <c r="D30" s="93" t="s">
        <v>26</v>
      </c>
      <c r="E30" s="94"/>
      <c r="F30" s="158" t="s">
        <v>452</v>
      </c>
      <c r="G30" s="154"/>
      <c r="H30" s="36" t="s">
        <v>1</v>
      </c>
      <c r="I30" s="99" t="s">
        <v>195</v>
      </c>
      <c r="J30" s="100"/>
      <c r="K30" s="31" t="s">
        <v>1</v>
      </c>
      <c r="L30" s="99" t="s">
        <v>196</v>
      </c>
      <c r="M30" s="99"/>
      <c r="N30" s="100"/>
      <c r="O30" s="31" t="s">
        <v>1</v>
      </c>
      <c r="P30" s="99" t="s">
        <v>31</v>
      </c>
      <c r="Q30" s="100"/>
      <c r="R30" s="31" t="s">
        <v>1</v>
      </c>
      <c r="S30" s="99" t="s">
        <v>197</v>
      </c>
      <c r="T30" s="99"/>
      <c r="U30" s="100"/>
      <c r="V30" s="31" t="s">
        <v>1</v>
      </c>
      <c r="W30" s="99" t="s">
        <v>197</v>
      </c>
      <c r="X30" s="99"/>
      <c r="Y30" s="152"/>
      <c r="Z30" s="4"/>
    </row>
    <row r="31" spans="1:28" customFormat="1" ht="28.5" customHeight="1">
      <c r="A31" s="64" t="s">
        <v>1</v>
      </c>
      <c r="B31" s="147" t="s">
        <v>1</v>
      </c>
      <c r="C31" s="148"/>
      <c r="D31" s="93" t="s">
        <v>40</v>
      </c>
      <c r="E31" s="94"/>
      <c r="F31" s="153" t="s">
        <v>72</v>
      </c>
      <c r="G31" s="154"/>
      <c r="H31" s="36" t="s">
        <v>1</v>
      </c>
      <c r="I31" s="99" t="s">
        <v>198</v>
      </c>
      <c r="J31" s="100"/>
      <c r="K31" s="31" t="s">
        <v>1</v>
      </c>
      <c r="L31" s="99" t="s">
        <v>199</v>
      </c>
      <c r="M31" s="99"/>
      <c r="N31" s="100"/>
      <c r="O31" s="31" t="s">
        <v>1</v>
      </c>
      <c r="P31" s="99" t="s">
        <v>31</v>
      </c>
      <c r="Q31" s="100"/>
      <c r="R31" s="31" t="s">
        <v>1</v>
      </c>
      <c r="S31" s="99" t="s">
        <v>200</v>
      </c>
      <c r="T31" s="99"/>
      <c r="U31" s="100"/>
      <c r="V31" s="31" t="s">
        <v>1</v>
      </c>
      <c r="W31" s="99" t="s">
        <v>200</v>
      </c>
      <c r="X31" s="99"/>
      <c r="Y31" s="152"/>
      <c r="Z31" s="4"/>
    </row>
    <row r="32" spans="1:28" customFormat="1" ht="28.5" customHeight="1">
      <c r="A32" s="64" t="s">
        <v>1</v>
      </c>
      <c r="B32" s="147" t="s">
        <v>1</v>
      </c>
      <c r="C32" s="148"/>
      <c r="D32" s="93" t="s">
        <v>46</v>
      </c>
      <c r="E32" s="94"/>
      <c r="F32" s="153" t="s">
        <v>151</v>
      </c>
      <c r="G32" s="154"/>
      <c r="H32" s="36" t="s">
        <v>1</v>
      </c>
      <c r="I32" s="99" t="s">
        <v>201</v>
      </c>
      <c r="J32" s="100"/>
      <c r="K32" s="31" t="s">
        <v>1</v>
      </c>
      <c r="L32" s="99" t="s">
        <v>202</v>
      </c>
      <c r="M32" s="99"/>
      <c r="N32" s="100"/>
      <c r="O32" s="31" t="s">
        <v>1</v>
      </c>
      <c r="P32" s="99" t="s">
        <v>31</v>
      </c>
      <c r="Q32" s="100"/>
      <c r="R32" s="31" t="s">
        <v>1</v>
      </c>
      <c r="S32" s="99" t="s">
        <v>203</v>
      </c>
      <c r="T32" s="99"/>
      <c r="U32" s="100"/>
      <c r="V32" s="31" t="s">
        <v>1</v>
      </c>
      <c r="W32" s="99" t="s">
        <v>203</v>
      </c>
      <c r="X32" s="99"/>
      <c r="Y32" s="152"/>
      <c r="Z32" s="4"/>
    </row>
    <row r="33" spans="1:26" customFormat="1" ht="28.5" customHeight="1">
      <c r="A33" s="64" t="s">
        <v>1</v>
      </c>
      <c r="B33" s="147" t="s">
        <v>1</v>
      </c>
      <c r="C33" s="148"/>
      <c r="D33" s="93" t="s">
        <v>51</v>
      </c>
      <c r="E33" s="94"/>
      <c r="F33" s="153" t="s">
        <v>156</v>
      </c>
      <c r="G33" s="154"/>
      <c r="H33" s="36" t="s">
        <v>1</v>
      </c>
      <c r="I33" s="99" t="s">
        <v>204</v>
      </c>
      <c r="J33" s="100"/>
      <c r="K33" s="31" t="s">
        <v>1</v>
      </c>
      <c r="L33" s="99" t="s">
        <v>31</v>
      </c>
      <c r="M33" s="99"/>
      <c r="N33" s="100"/>
      <c r="O33" s="31" t="s">
        <v>1</v>
      </c>
      <c r="P33" s="99" t="s">
        <v>31</v>
      </c>
      <c r="Q33" s="100"/>
      <c r="R33" s="31" t="s">
        <v>1</v>
      </c>
      <c r="S33" s="99" t="s">
        <v>204</v>
      </c>
      <c r="T33" s="99"/>
      <c r="U33" s="100"/>
      <c r="V33" s="31" t="s">
        <v>1</v>
      </c>
      <c r="W33" s="99" t="s">
        <v>204</v>
      </c>
      <c r="X33" s="99"/>
      <c r="Y33" s="152"/>
      <c r="Z33" s="4"/>
    </row>
    <row r="34" spans="1:26" customFormat="1" ht="28.5" hidden="1" customHeight="1">
      <c r="A34" s="64" t="s">
        <v>92</v>
      </c>
      <c r="B34" s="147" t="s">
        <v>1</v>
      </c>
      <c r="C34" s="148"/>
      <c r="D34" s="93" t="s">
        <v>1</v>
      </c>
      <c r="E34" s="94"/>
      <c r="F34" s="153" t="s">
        <v>1</v>
      </c>
      <c r="G34" s="154"/>
      <c r="H34" s="36" t="s">
        <v>1</v>
      </c>
      <c r="I34" s="99" t="s">
        <v>172</v>
      </c>
      <c r="J34" s="100"/>
      <c r="K34" s="31" t="s">
        <v>1</v>
      </c>
      <c r="L34" s="99" t="s">
        <v>193</v>
      </c>
      <c r="M34" s="99"/>
      <c r="N34" s="100"/>
      <c r="O34" s="31" t="s">
        <v>1</v>
      </c>
      <c r="P34" s="99" t="s">
        <v>31</v>
      </c>
      <c r="Q34" s="100"/>
      <c r="R34" s="31" t="s">
        <v>1</v>
      </c>
      <c r="S34" s="99" t="s">
        <v>194</v>
      </c>
      <c r="T34" s="99"/>
      <c r="U34" s="100"/>
      <c r="V34" s="31" t="s">
        <v>1</v>
      </c>
      <c r="W34" s="99" t="s">
        <v>194</v>
      </c>
      <c r="X34" s="99"/>
      <c r="Y34" s="152"/>
      <c r="Z34" s="4"/>
    </row>
    <row r="35" spans="1:26" customFormat="1" ht="28.5" hidden="1" customHeight="1">
      <c r="A35" s="64" t="s">
        <v>1</v>
      </c>
      <c r="B35" s="147" t="s">
        <v>1</v>
      </c>
      <c r="C35" s="148"/>
      <c r="D35" s="93" t="s">
        <v>1</v>
      </c>
      <c r="E35" s="94"/>
      <c r="F35" s="153" t="s">
        <v>1</v>
      </c>
      <c r="G35" s="154"/>
      <c r="H35" s="36" t="s">
        <v>5</v>
      </c>
      <c r="I35" s="99" t="s">
        <v>1</v>
      </c>
      <c r="J35" s="100"/>
      <c r="K35" s="31" t="s">
        <v>205</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94</v>
      </c>
      <c r="I36" s="99" t="s">
        <v>1</v>
      </c>
      <c r="J36" s="100"/>
      <c r="K36" s="31" t="s">
        <v>95</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96</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8</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172</v>
      </c>
      <c r="J45" s="120"/>
      <c r="K45" s="61" t="s">
        <v>1</v>
      </c>
      <c r="L45" s="119" t="s">
        <v>193</v>
      </c>
      <c r="M45" s="119"/>
      <c r="N45" s="120"/>
      <c r="O45" s="61" t="s">
        <v>1</v>
      </c>
      <c r="P45" s="119" t="s">
        <v>31</v>
      </c>
      <c r="Q45" s="120"/>
      <c r="R45" s="61" t="s">
        <v>1</v>
      </c>
      <c r="S45" s="119" t="s">
        <v>194</v>
      </c>
      <c r="T45" s="119"/>
      <c r="U45" s="120"/>
      <c r="V45" s="61" t="s">
        <v>1</v>
      </c>
      <c r="W45" s="119" t="s">
        <v>194</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205</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20" pageOrder="overThenDown" orientation="portrait" useFirstPageNumber="1"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zoomScale="85" zoomScaleNormal="100" zoomScaleSheetLayoutView="8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70" t="s">
        <v>462</v>
      </c>
      <c r="B1" s="170"/>
      <c r="C1" s="170"/>
      <c r="D1" s="170"/>
      <c r="E1" s="170"/>
      <c r="F1" s="170"/>
      <c r="G1" s="170"/>
      <c r="H1" s="170"/>
      <c r="I1" s="170"/>
      <c r="J1" s="170"/>
      <c r="K1" s="170"/>
      <c r="L1" s="170"/>
      <c r="M1" s="170"/>
      <c r="N1" s="170"/>
      <c r="O1" s="170"/>
      <c r="P1" s="170"/>
      <c r="Q1" s="170"/>
      <c r="R1" s="170"/>
      <c r="S1" s="170"/>
      <c r="T1" s="170"/>
      <c r="U1" s="170"/>
      <c r="V1" s="170"/>
      <c r="W1" s="170"/>
      <c r="X1" s="170"/>
      <c r="Y1" s="170"/>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159</v>
      </c>
      <c r="C6" s="93" t="s">
        <v>1</v>
      </c>
      <c r="D6" s="94"/>
      <c r="E6" s="95" t="s">
        <v>1</v>
      </c>
      <c r="F6" s="96"/>
      <c r="G6" s="97" t="s">
        <v>160</v>
      </c>
      <c r="H6" s="97"/>
      <c r="I6" s="97"/>
      <c r="J6" s="90" t="s">
        <v>161</v>
      </c>
      <c r="K6" s="90"/>
      <c r="L6" s="90"/>
      <c r="M6" s="53" t="s">
        <v>1</v>
      </c>
      <c r="N6" s="91" t="s">
        <v>161</v>
      </c>
      <c r="O6" s="91"/>
      <c r="P6" s="92"/>
      <c r="Q6" s="90" t="s">
        <v>31</v>
      </c>
      <c r="R6" s="90"/>
      <c r="S6" s="90"/>
      <c r="T6" s="54"/>
      <c r="U6" s="91" t="s">
        <v>31</v>
      </c>
      <c r="V6" s="91"/>
      <c r="W6" s="92"/>
      <c r="X6" s="55" t="s">
        <v>44</v>
      </c>
      <c r="Y6" s="56" t="s">
        <v>162</v>
      </c>
      <c r="Z6" s="20"/>
      <c r="AA6" s="14"/>
      <c r="AB6" s="20"/>
    </row>
    <row r="7" spans="1:28" customFormat="1" ht="29.1" customHeight="1">
      <c r="A7" s="63" t="s">
        <v>1</v>
      </c>
      <c r="B7" s="51" t="s">
        <v>1</v>
      </c>
      <c r="C7" s="93" t="s">
        <v>26</v>
      </c>
      <c r="D7" s="94"/>
      <c r="E7" s="101" t="s">
        <v>34</v>
      </c>
      <c r="F7" s="102"/>
      <c r="G7" s="103" t="s">
        <v>163</v>
      </c>
      <c r="H7" s="103"/>
      <c r="I7" s="103"/>
      <c r="J7" s="98" t="s">
        <v>164</v>
      </c>
      <c r="K7" s="98"/>
      <c r="L7" s="98"/>
      <c r="M7" s="57" t="s">
        <v>1</v>
      </c>
      <c r="N7" s="99" t="s">
        <v>164</v>
      </c>
      <c r="O7" s="99"/>
      <c r="P7" s="100"/>
      <c r="Q7" s="98" t="s">
        <v>31</v>
      </c>
      <c r="R7" s="98"/>
      <c r="S7" s="98"/>
      <c r="T7" s="58"/>
      <c r="U7" s="99" t="s">
        <v>31</v>
      </c>
      <c r="V7" s="99"/>
      <c r="W7" s="100"/>
      <c r="X7" s="31" t="s">
        <v>44</v>
      </c>
      <c r="Y7" s="52" t="s">
        <v>165</v>
      </c>
      <c r="Z7" s="20"/>
      <c r="AA7" s="20"/>
      <c r="AB7" s="20"/>
    </row>
    <row r="8" spans="1:28" customFormat="1" ht="29.1" customHeight="1">
      <c r="A8" s="63" t="s">
        <v>1</v>
      </c>
      <c r="B8" s="51" t="s">
        <v>1</v>
      </c>
      <c r="C8" s="93" t="s">
        <v>40</v>
      </c>
      <c r="D8" s="94"/>
      <c r="E8" s="101" t="s">
        <v>59</v>
      </c>
      <c r="F8" s="102"/>
      <c r="G8" s="103" t="s">
        <v>166</v>
      </c>
      <c r="H8" s="103"/>
      <c r="I8" s="103"/>
      <c r="J8" s="98" t="s">
        <v>167</v>
      </c>
      <c r="K8" s="98"/>
      <c r="L8" s="98"/>
      <c r="M8" s="57" t="s">
        <v>1</v>
      </c>
      <c r="N8" s="99" t="s">
        <v>167</v>
      </c>
      <c r="O8" s="99"/>
      <c r="P8" s="100"/>
      <c r="Q8" s="98" t="s">
        <v>31</v>
      </c>
      <c r="R8" s="98"/>
      <c r="S8" s="98"/>
      <c r="T8" s="58"/>
      <c r="U8" s="99" t="s">
        <v>31</v>
      </c>
      <c r="V8" s="99"/>
      <c r="W8" s="100"/>
      <c r="X8" s="31" t="s">
        <v>44</v>
      </c>
      <c r="Y8" s="52" t="s">
        <v>168</v>
      </c>
      <c r="Z8" s="20"/>
      <c r="AA8" s="20"/>
      <c r="AB8" s="20"/>
    </row>
    <row r="9" spans="1:28" customFormat="1" ht="29.1" hidden="1" customHeight="1">
      <c r="A9" s="63" t="s">
        <v>68</v>
      </c>
      <c r="B9" s="51" t="s">
        <v>1</v>
      </c>
      <c r="C9" s="93" t="s">
        <v>1</v>
      </c>
      <c r="D9" s="94"/>
      <c r="E9" s="101" t="s">
        <v>1</v>
      </c>
      <c r="F9" s="102"/>
      <c r="G9" s="103" t="s">
        <v>160</v>
      </c>
      <c r="H9" s="103"/>
      <c r="I9" s="103"/>
      <c r="J9" s="98" t="s">
        <v>161</v>
      </c>
      <c r="K9" s="98"/>
      <c r="L9" s="98"/>
      <c r="M9" s="57" t="s">
        <v>1</v>
      </c>
      <c r="N9" s="99" t="s">
        <v>161</v>
      </c>
      <c r="O9" s="99"/>
      <c r="P9" s="100"/>
      <c r="Q9" s="98" t="s">
        <v>31</v>
      </c>
      <c r="R9" s="98"/>
      <c r="S9" s="98"/>
      <c r="T9" s="58"/>
      <c r="U9" s="99" t="s">
        <v>31</v>
      </c>
      <c r="V9" s="99"/>
      <c r="W9" s="100"/>
      <c r="X9" s="31" t="s">
        <v>44</v>
      </c>
      <c r="Y9" s="52" t="s">
        <v>162</v>
      </c>
      <c r="Z9" s="20"/>
      <c r="AA9" s="20"/>
      <c r="AB9" s="20"/>
    </row>
    <row r="10" spans="1:28" customFormat="1" ht="29.1" hidden="1" customHeight="1">
      <c r="A10" s="63" t="s">
        <v>1</v>
      </c>
      <c r="B10" s="51" t="s">
        <v>1</v>
      </c>
      <c r="C10" s="93" t="s">
        <v>1</v>
      </c>
      <c r="D10" s="94"/>
      <c r="E10" s="101" t="s">
        <v>1</v>
      </c>
      <c r="F10" s="102"/>
      <c r="G10" s="103" t="s">
        <v>1</v>
      </c>
      <c r="H10" s="103"/>
      <c r="I10" s="103"/>
      <c r="J10" s="98" t="s">
        <v>1</v>
      </c>
      <c r="K10" s="98"/>
      <c r="L10" s="98"/>
      <c r="M10" s="57" t="s">
        <v>1</v>
      </c>
      <c r="N10" s="99" t="s">
        <v>1</v>
      </c>
      <c r="O10" s="99"/>
      <c r="P10" s="100"/>
      <c r="Q10" s="98" t="s">
        <v>1</v>
      </c>
      <c r="R10" s="98"/>
      <c r="S10" s="98"/>
      <c r="T10" s="58"/>
      <c r="U10" s="99" t="s">
        <v>1</v>
      </c>
      <c r="V10" s="99"/>
      <c r="W10" s="100"/>
      <c r="X10" s="31" t="s">
        <v>1</v>
      </c>
      <c r="Y10" s="52" t="s">
        <v>1</v>
      </c>
      <c r="Z10" s="20"/>
      <c r="AA10" s="20"/>
      <c r="AB10" s="20"/>
    </row>
    <row r="11" spans="1:28" customFormat="1" ht="29.1" hidden="1" customHeight="1">
      <c r="A11" s="63" t="s">
        <v>1</v>
      </c>
      <c r="B11" s="51" t="s">
        <v>1</v>
      </c>
      <c r="C11" s="93" t="s">
        <v>1</v>
      </c>
      <c r="D11" s="94"/>
      <c r="E11" s="101" t="s">
        <v>1</v>
      </c>
      <c r="F11" s="102"/>
      <c r="G11" s="103" t="s">
        <v>1</v>
      </c>
      <c r="H11" s="103"/>
      <c r="I11" s="103"/>
      <c r="J11" s="98" t="s">
        <v>1</v>
      </c>
      <c r="K11" s="98"/>
      <c r="L11" s="98"/>
      <c r="M11" s="57" t="s">
        <v>1</v>
      </c>
      <c r="N11" s="99" t="s">
        <v>1</v>
      </c>
      <c r="O11" s="99"/>
      <c r="P11" s="100"/>
      <c r="Q11" s="98" t="s">
        <v>1</v>
      </c>
      <c r="R11" s="98"/>
      <c r="S11" s="98"/>
      <c r="T11" s="58"/>
      <c r="U11" s="99" t="s">
        <v>1</v>
      </c>
      <c r="V11" s="99"/>
      <c r="W11" s="100"/>
      <c r="X11" s="31" t="s">
        <v>1</v>
      </c>
      <c r="Y11" s="52" t="s">
        <v>1</v>
      </c>
      <c r="Z11" s="20"/>
      <c r="AA11" s="20"/>
      <c r="AB11" s="20"/>
    </row>
    <row r="12" spans="1:28" customFormat="1" ht="29.1" hidden="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160</v>
      </c>
      <c r="H23" s="124"/>
      <c r="I23" s="124"/>
      <c r="J23" s="121" t="s">
        <v>161</v>
      </c>
      <c r="K23" s="121"/>
      <c r="L23" s="121"/>
      <c r="M23" s="59" t="s">
        <v>1</v>
      </c>
      <c r="N23" s="119" t="s">
        <v>161</v>
      </c>
      <c r="O23" s="119"/>
      <c r="P23" s="120"/>
      <c r="Q23" s="121" t="s">
        <v>31</v>
      </c>
      <c r="R23" s="121"/>
      <c r="S23" s="121"/>
      <c r="T23" s="60"/>
      <c r="U23" s="119" t="s">
        <v>31</v>
      </c>
      <c r="V23" s="119"/>
      <c r="W23" s="120"/>
      <c r="X23" s="61" t="s">
        <v>44</v>
      </c>
      <c r="Y23" s="62" t="s">
        <v>162</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169</v>
      </c>
      <c r="C29" s="148"/>
      <c r="D29" s="159" t="s">
        <v>1</v>
      </c>
      <c r="E29" s="160"/>
      <c r="F29" s="161" t="s">
        <v>1</v>
      </c>
      <c r="G29" s="162"/>
      <c r="H29" s="65" t="s">
        <v>1</v>
      </c>
      <c r="I29" s="91" t="s">
        <v>160</v>
      </c>
      <c r="J29" s="92"/>
      <c r="K29" s="55" t="s">
        <v>1</v>
      </c>
      <c r="L29" s="91" t="s">
        <v>161</v>
      </c>
      <c r="M29" s="91"/>
      <c r="N29" s="92"/>
      <c r="O29" s="55" t="s">
        <v>1</v>
      </c>
      <c r="P29" s="91" t="s">
        <v>31</v>
      </c>
      <c r="Q29" s="92"/>
      <c r="R29" s="55" t="s">
        <v>1</v>
      </c>
      <c r="S29" s="91" t="s">
        <v>162</v>
      </c>
      <c r="T29" s="91"/>
      <c r="U29" s="92"/>
      <c r="V29" s="55" t="s">
        <v>1</v>
      </c>
      <c r="W29" s="91" t="s">
        <v>162</v>
      </c>
      <c r="X29" s="91"/>
      <c r="Y29" s="157"/>
      <c r="Z29" s="4"/>
    </row>
    <row r="30" spans="1:28" customFormat="1" ht="28.5" customHeight="1">
      <c r="A30" s="64" t="s">
        <v>1</v>
      </c>
      <c r="B30" s="147" t="s">
        <v>1</v>
      </c>
      <c r="C30" s="148"/>
      <c r="D30" s="93" t="s">
        <v>26</v>
      </c>
      <c r="E30" s="94"/>
      <c r="F30" s="153" t="s">
        <v>72</v>
      </c>
      <c r="G30" s="154"/>
      <c r="H30" s="36" t="s">
        <v>1</v>
      </c>
      <c r="I30" s="99" t="s">
        <v>166</v>
      </c>
      <c r="J30" s="100"/>
      <c r="K30" s="31" t="s">
        <v>1</v>
      </c>
      <c r="L30" s="99" t="s">
        <v>167</v>
      </c>
      <c r="M30" s="99"/>
      <c r="N30" s="100"/>
      <c r="O30" s="31" t="s">
        <v>1</v>
      </c>
      <c r="P30" s="99" t="s">
        <v>31</v>
      </c>
      <c r="Q30" s="100"/>
      <c r="R30" s="31" t="s">
        <v>1</v>
      </c>
      <c r="S30" s="99" t="s">
        <v>168</v>
      </c>
      <c r="T30" s="99"/>
      <c r="U30" s="100"/>
      <c r="V30" s="31" t="s">
        <v>1</v>
      </c>
      <c r="W30" s="99" t="s">
        <v>168</v>
      </c>
      <c r="X30" s="99"/>
      <c r="Y30" s="152"/>
      <c r="Z30" s="4"/>
    </row>
    <row r="31" spans="1:28" customFormat="1" ht="28.5" customHeight="1">
      <c r="A31" s="64" t="s">
        <v>1</v>
      </c>
      <c r="B31" s="147" t="s">
        <v>1</v>
      </c>
      <c r="C31" s="148"/>
      <c r="D31" s="93" t="s">
        <v>40</v>
      </c>
      <c r="E31" s="94"/>
      <c r="F31" s="153" t="s">
        <v>88</v>
      </c>
      <c r="G31" s="154"/>
      <c r="H31" s="36" t="s">
        <v>1</v>
      </c>
      <c r="I31" s="99" t="s">
        <v>163</v>
      </c>
      <c r="J31" s="100"/>
      <c r="K31" s="31" t="s">
        <v>1</v>
      </c>
      <c r="L31" s="99" t="s">
        <v>164</v>
      </c>
      <c r="M31" s="99"/>
      <c r="N31" s="100"/>
      <c r="O31" s="31" t="s">
        <v>1</v>
      </c>
      <c r="P31" s="99" t="s">
        <v>31</v>
      </c>
      <c r="Q31" s="100"/>
      <c r="R31" s="31" t="s">
        <v>1</v>
      </c>
      <c r="S31" s="99" t="s">
        <v>165</v>
      </c>
      <c r="T31" s="99"/>
      <c r="U31" s="100"/>
      <c r="V31" s="31" t="s">
        <v>1</v>
      </c>
      <c r="W31" s="99" t="s">
        <v>165</v>
      </c>
      <c r="X31" s="99"/>
      <c r="Y31" s="152"/>
      <c r="Z31" s="4"/>
    </row>
    <row r="32" spans="1:28" customFormat="1" ht="28.5" hidden="1" customHeight="1">
      <c r="A32" s="64" t="s">
        <v>92</v>
      </c>
      <c r="B32" s="147" t="s">
        <v>1</v>
      </c>
      <c r="C32" s="148"/>
      <c r="D32" s="93" t="s">
        <v>1</v>
      </c>
      <c r="E32" s="94"/>
      <c r="F32" s="153" t="s">
        <v>1</v>
      </c>
      <c r="G32" s="154"/>
      <c r="H32" s="36" t="s">
        <v>1</v>
      </c>
      <c r="I32" s="99" t="s">
        <v>160</v>
      </c>
      <c r="J32" s="100"/>
      <c r="K32" s="31" t="s">
        <v>1</v>
      </c>
      <c r="L32" s="99" t="s">
        <v>161</v>
      </c>
      <c r="M32" s="99"/>
      <c r="N32" s="100"/>
      <c r="O32" s="31" t="s">
        <v>1</v>
      </c>
      <c r="P32" s="99" t="s">
        <v>31</v>
      </c>
      <c r="Q32" s="100"/>
      <c r="R32" s="31" t="s">
        <v>1</v>
      </c>
      <c r="S32" s="99" t="s">
        <v>162</v>
      </c>
      <c r="T32" s="99"/>
      <c r="U32" s="100"/>
      <c r="V32" s="31" t="s">
        <v>1</v>
      </c>
      <c r="W32" s="99" t="s">
        <v>162</v>
      </c>
      <c r="X32" s="99"/>
      <c r="Y32" s="152"/>
      <c r="Z32" s="4"/>
    </row>
    <row r="33" spans="1:26" customFormat="1" ht="28.5" hidden="1" customHeight="1">
      <c r="A33" s="64" t="s">
        <v>1</v>
      </c>
      <c r="B33" s="147" t="s">
        <v>1</v>
      </c>
      <c r="C33" s="148"/>
      <c r="D33" s="93" t="s">
        <v>1</v>
      </c>
      <c r="E33" s="94"/>
      <c r="F33" s="153" t="s">
        <v>1</v>
      </c>
      <c r="G33" s="154"/>
      <c r="H33" s="36" t="s">
        <v>5</v>
      </c>
      <c r="I33" s="99" t="s">
        <v>1</v>
      </c>
      <c r="J33" s="100"/>
      <c r="K33" s="31" t="s">
        <v>95</v>
      </c>
      <c r="L33" s="99" t="s">
        <v>1</v>
      </c>
      <c r="M33" s="99"/>
      <c r="N33" s="100"/>
      <c r="O33" s="31" t="s">
        <v>1</v>
      </c>
      <c r="P33" s="99" t="s">
        <v>1</v>
      </c>
      <c r="Q33" s="100"/>
      <c r="R33" s="31" t="s">
        <v>1</v>
      </c>
      <c r="S33" s="99" t="s">
        <v>1</v>
      </c>
      <c r="T33" s="99"/>
      <c r="U33" s="100"/>
      <c r="V33" s="31" t="s">
        <v>1</v>
      </c>
      <c r="W33" s="99" t="s">
        <v>1</v>
      </c>
      <c r="X33" s="99"/>
      <c r="Y33" s="152"/>
      <c r="Z33" s="4"/>
    </row>
    <row r="34" spans="1:26" customFormat="1" ht="28.5" hidden="1" customHeight="1">
      <c r="A34" s="64" t="s">
        <v>1</v>
      </c>
      <c r="B34" s="147" t="s">
        <v>1</v>
      </c>
      <c r="C34" s="148"/>
      <c r="D34" s="93" t="s">
        <v>1</v>
      </c>
      <c r="E34" s="94"/>
      <c r="F34" s="153" t="s">
        <v>1</v>
      </c>
      <c r="G34" s="154"/>
      <c r="H34" s="36" t="s">
        <v>94</v>
      </c>
      <c r="I34" s="99" t="s">
        <v>1</v>
      </c>
      <c r="J34" s="100"/>
      <c r="K34" s="31" t="s">
        <v>95</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96</v>
      </c>
      <c r="G35" s="154"/>
      <c r="H35" s="36" t="s">
        <v>1</v>
      </c>
      <c r="I35" s="99" t="s">
        <v>1</v>
      </c>
      <c r="J35" s="100"/>
      <c r="K35" s="31" t="s">
        <v>1</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1</v>
      </c>
      <c r="I36" s="99" t="s">
        <v>8</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160</v>
      </c>
      <c r="J45" s="120"/>
      <c r="K45" s="61" t="s">
        <v>1</v>
      </c>
      <c r="L45" s="119" t="s">
        <v>161</v>
      </c>
      <c r="M45" s="119"/>
      <c r="N45" s="120"/>
      <c r="O45" s="61" t="s">
        <v>1</v>
      </c>
      <c r="P45" s="119" t="s">
        <v>31</v>
      </c>
      <c r="Q45" s="120"/>
      <c r="R45" s="61" t="s">
        <v>1</v>
      </c>
      <c r="S45" s="119" t="s">
        <v>162</v>
      </c>
      <c r="T45" s="119"/>
      <c r="U45" s="120"/>
      <c r="V45" s="61" t="s">
        <v>1</v>
      </c>
      <c r="W45" s="119" t="s">
        <v>162</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95</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21" pageOrder="overThenDown" orientation="portrait" useFirstPageNumber="1"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topLeftCell="A10" zoomScale="85" zoomScaleNormal="100" zoomScaleSheetLayoutView="8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25</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27</v>
      </c>
      <c r="C6" s="93" t="s">
        <v>1</v>
      </c>
      <c r="D6" s="94"/>
      <c r="E6" s="95" t="s">
        <v>1</v>
      </c>
      <c r="F6" s="96"/>
      <c r="G6" s="97" t="s">
        <v>28</v>
      </c>
      <c r="H6" s="97"/>
      <c r="I6" s="97"/>
      <c r="J6" s="90" t="s">
        <v>29</v>
      </c>
      <c r="K6" s="90"/>
      <c r="L6" s="90"/>
      <c r="M6" s="53" t="s">
        <v>1</v>
      </c>
      <c r="N6" s="91" t="s">
        <v>30</v>
      </c>
      <c r="O6" s="91"/>
      <c r="P6" s="92"/>
      <c r="Q6" s="90" t="s">
        <v>31</v>
      </c>
      <c r="R6" s="90"/>
      <c r="S6" s="90"/>
      <c r="T6" s="54"/>
      <c r="U6" s="91" t="s">
        <v>32</v>
      </c>
      <c r="V6" s="91"/>
      <c r="W6" s="92"/>
      <c r="X6" s="55" t="s">
        <v>1</v>
      </c>
      <c r="Y6" s="56" t="s">
        <v>33</v>
      </c>
      <c r="Z6" s="20"/>
      <c r="AA6" s="14"/>
      <c r="AB6" s="20"/>
    </row>
    <row r="7" spans="1:28" customFormat="1" ht="29.1" customHeight="1">
      <c r="A7" s="63" t="s">
        <v>1</v>
      </c>
      <c r="B7" s="51" t="s">
        <v>1</v>
      </c>
      <c r="C7" s="93" t="s">
        <v>26</v>
      </c>
      <c r="D7" s="94"/>
      <c r="E7" s="101" t="s">
        <v>34</v>
      </c>
      <c r="F7" s="102"/>
      <c r="G7" s="103" t="s">
        <v>35</v>
      </c>
      <c r="H7" s="103"/>
      <c r="I7" s="103"/>
      <c r="J7" s="98" t="s">
        <v>36</v>
      </c>
      <c r="K7" s="98"/>
      <c r="L7" s="98"/>
      <c r="M7" s="57" t="s">
        <v>1</v>
      </c>
      <c r="N7" s="99" t="s">
        <v>37</v>
      </c>
      <c r="O7" s="99"/>
      <c r="P7" s="100"/>
      <c r="Q7" s="98" t="s">
        <v>31</v>
      </c>
      <c r="R7" s="98"/>
      <c r="S7" s="98"/>
      <c r="T7" s="58"/>
      <c r="U7" s="99" t="s">
        <v>38</v>
      </c>
      <c r="V7" s="99"/>
      <c r="W7" s="100"/>
      <c r="X7" s="31" t="s">
        <v>1</v>
      </c>
      <c r="Y7" s="52" t="s">
        <v>39</v>
      </c>
      <c r="Z7" s="20"/>
      <c r="AA7" s="20"/>
      <c r="AB7" s="20"/>
    </row>
    <row r="8" spans="1:28" customFormat="1" ht="29.1" customHeight="1">
      <c r="A8" s="63" t="s">
        <v>1</v>
      </c>
      <c r="B8" s="51" t="s">
        <v>1</v>
      </c>
      <c r="C8" s="93" t="s">
        <v>40</v>
      </c>
      <c r="D8" s="94"/>
      <c r="E8" s="101" t="s">
        <v>41</v>
      </c>
      <c r="F8" s="102"/>
      <c r="G8" s="103" t="s">
        <v>42</v>
      </c>
      <c r="H8" s="103"/>
      <c r="I8" s="103"/>
      <c r="J8" s="98" t="s">
        <v>43</v>
      </c>
      <c r="K8" s="98"/>
      <c r="L8" s="98"/>
      <c r="M8" s="57" t="s">
        <v>1</v>
      </c>
      <c r="N8" s="99" t="s">
        <v>43</v>
      </c>
      <c r="O8" s="99"/>
      <c r="P8" s="100"/>
      <c r="Q8" s="98" t="s">
        <v>31</v>
      </c>
      <c r="R8" s="98"/>
      <c r="S8" s="98"/>
      <c r="T8" s="58"/>
      <c r="U8" s="99" t="s">
        <v>31</v>
      </c>
      <c r="V8" s="99"/>
      <c r="W8" s="100"/>
      <c r="X8" s="31" t="s">
        <v>44</v>
      </c>
      <c r="Y8" s="52" t="s">
        <v>45</v>
      </c>
      <c r="Z8" s="20"/>
      <c r="AA8" s="20"/>
      <c r="AB8" s="20"/>
    </row>
    <row r="9" spans="1:28" customFormat="1" ht="29.1" customHeight="1">
      <c r="A9" s="63" t="s">
        <v>1</v>
      </c>
      <c r="B9" s="51" t="s">
        <v>1</v>
      </c>
      <c r="C9" s="93" t="s">
        <v>46</v>
      </c>
      <c r="D9" s="94"/>
      <c r="E9" s="101" t="s">
        <v>47</v>
      </c>
      <c r="F9" s="102"/>
      <c r="G9" s="103" t="s">
        <v>48</v>
      </c>
      <c r="H9" s="103"/>
      <c r="I9" s="103"/>
      <c r="J9" s="98" t="s">
        <v>49</v>
      </c>
      <c r="K9" s="98"/>
      <c r="L9" s="98"/>
      <c r="M9" s="57" t="s">
        <v>1</v>
      </c>
      <c r="N9" s="99" t="s">
        <v>49</v>
      </c>
      <c r="O9" s="99"/>
      <c r="P9" s="100"/>
      <c r="Q9" s="98" t="s">
        <v>31</v>
      </c>
      <c r="R9" s="98"/>
      <c r="S9" s="98"/>
      <c r="T9" s="58"/>
      <c r="U9" s="99" t="s">
        <v>31</v>
      </c>
      <c r="V9" s="99"/>
      <c r="W9" s="100"/>
      <c r="X9" s="31" t="s">
        <v>1</v>
      </c>
      <c r="Y9" s="52" t="s">
        <v>50</v>
      </c>
      <c r="Z9" s="20"/>
      <c r="AA9" s="20"/>
      <c r="AB9" s="20"/>
    </row>
    <row r="10" spans="1:28" customFormat="1" ht="29.1" customHeight="1">
      <c r="A10" s="63" t="s">
        <v>1</v>
      </c>
      <c r="B10" s="51" t="s">
        <v>1</v>
      </c>
      <c r="C10" s="93" t="s">
        <v>51</v>
      </c>
      <c r="D10" s="94"/>
      <c r="E10" s="101" t="s">
        <v>52</v>
      </c>
      <c r="F10" s="102"/>
      <c r="G10" s="103" t="s">
        <v>53</v>
      </c>
      <c r="H10" s="103"/>
      <c r="I10" s="103"/>
      <c r="J10" s="98" t="s">
        <v>54</v>
      </c>
      <c r="K10" s="98"/>
      <c r="L10" s="98"/>
      <c r="M10" s="57" t="s">
        <v>1</v>
      </c>
      <c r="N10" s="99" t="s">
        <v>55</v>
      </c>
      <c r="O10" s="99"/>
      <c r="P10" s="100"/>
      <c r="Q10" s="98" t="s">
        <v>31</v>
      </c>
      <c r="R10" s="98"/>
      <c r="S10" s="98"/>
      <c r="T10" s="58"/>
      <c r="U10" s="99" t="s">
        <v>56</v>
      </c>
      <c r="V10" s="99"/>
      <c r="W10" s="100"/>
      <c r="X10" s="31" t="s">
        <v>44</v>
      </c>
      <c r="Y10" s="52" t="s">
        <v>57</v>
      </c>
      <c r="Z10" s="20"/>
      <c r="AA10" s="20"/>
      <c r="AB10" s="20"/>
    </row>
    <row r="11" spans="1:28" customFormat="1" ht="29.1" customHeight="1">
      <c r="A11" s="63" t="s">
        <v>1</v>
      </c>
      <c r="B11" s="51" t="s">
        <v>1</v>
      </c>
      <c r="C11" s="93" t="s">
        <v>58</v>
      </c>
      <c r="D11" s="94"/>
      <c r="E11" s="101" t="s">
        <v>59</v>
      </c>
      <c r="F11" s="102"/>
      <c r="G11" s="103" t="s">
        <v>60</v>
      </c>
      <c r="H11" s="103"/>
      <c r="I11" s="103"/>
      <c r="J11" s="98" t="s">
        <v>61</v>
      </c>
      <c r="K11" s="98"/>
      <c r="L11" s="98"/>
      <c r="M11" s="57" t="s">
        <v>1</v>
      </c>
      <c r="N11" s="99" t="s">
        <v>61</v>
      </c>
      <c r="O11" s="99"/>
      <c r="P11" s="100"/>
      <c r="Q11" s="98" t="s">
        <v>31</v>
      </c>
      <c r="R11" s="98"/>
      <c r="S11" s="98"/>
      <c r="T11" s="58"/>
      <c r="U11" s="99" t="s">
        <v>31</v>
      </c>
      <c r="V11" s="99"/>
      <c r="W11" s="100"/>
      <c r="X11" s="31" t="s">
        <v>44</v>
      </c>
      <c r="Y11" s="52" t="s">
        <v>62</v>
      </c>
      <c r="Z11" s="20"/>
      <c r="AA11" s="20"/>
      <c r="AB11" s="20"/>
    </row>
    <row r="12" spans="1:28" customFormat="1" ht="29.1" customHeight="1">
      <c r="A12" s="63" t="s">
        <v>1</v>
      </c>
      <c r="B12" s="51" t="s">
        <v>1</v>
      </c>
      <c r="C12" s="93" t="s">
        <v>63</v>
      </c>
      <c r="D12" s="94"/>
      <c r="E12" s="101" t="s">
        <v>64</v>
      </c>
      <c r="F12" s="102"/>
      <c r="G12" s="103" t="s">
        <v>65</v>
      </c>
      <c r="H12" s="103"/>
      <c r="I12" s="103"/>
      <c r="J12" s="98" t="s">
        <v>66</v>
      </c>
      <c r="K12" s="98"/>
      <c r="L12" s="98"/>
      <c r="M12" s="57" t="s">
        <v>1</v>
      </c>
      <c r="N12" s="99" t="s">
        <v>66</v>
      </c>
      <c r="O12" s="99"/>
      <c r="P12" s="100"/>
      <c r="Q12" s="98" t="s">
        <v>31</v>
      </c>
      <c r="R12" s="98"/>
      <c r="S12" s="98"/>
      <c r="T12" s="58"/>
      <c r="U12" s="99" t="s">
        <v>31</v>
      </c>
      <c r="V12" s="99"/>
      <c r="W12" s="100"/>
      <c r="X12" s="31" t="s">
        <v>44</v>
      </c>
      <c r="Y12" s="52" t="s">
        <v>67</v>
      </c>
      <c r="Z12" s="20"/>
      <c r="AA12" s="20"/>
      <c r="AB12" s="20"/>
    </row>
    <row r="13" spans="1:28" customFormat="1" ht="29.1" hidden="1" customHeight="1">
      <c r="A13" s="63" t="s">
        <v>68</v>
      </c>
      <c r="B13" s="51" t="s">
        <v>1</v>
      </c>
      <c r="C13" s="93" t="s">
        <v>1</v>
      </c>
      <c r="D13" s="94"/>
      <c r="E13" s="101" t="s">
        <v>1</v>
      </c>
      <c r="F13" s="102"/>
      <c r="G13" s="103" t="s">
        <v>28</v>
      </c>
      <c r="H13" s="103"/>
      <c r="I13" s="103"/>
      <c r="J13" s="98" t="s">
        <v>29</v>
      </c>
      <c r="K13" s="98"/>
      <c r="L13" s="98"/>
      <c r="M13" s="57" t="s">
        <v>1</v>
      </c>
      <c r="N13" s="99" t="s">
        <v>30</v>
      </c>
      <c r="O13" s="99"/>
      <c r="P13" s="100"/>
      <c r="Q13" s="98" t="s">
        <v>31</v>
      </c>
      <c r="R13" s="98"/>
      <c r="S13" s="98"/>
      <c r="T13" s="58"/>
      <c r="U13" s="99" t="s">
        <v>32</v>
      </c>
      <c r="V13" s="99"/>
      <c r="W13" s="100"/>
      <c r="X13" s="31" t="s">
        <v>1</v>
      </c>
      <c r="Y13" s="52" t="s">
        <v>33</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28</v>
      </c>
      <c r="H23" s="124"/>
      <c r="I23" s="124"/>
      <c r="J23" s="121" t="s">
        <v>29</v>
      </c>
      <c r="K23" s="121"/>
      <c r="L23" s="121"/>
      <c r="M23" s="59" t="s">
        <v>1</v>
      </c>
      <c r="N23" s="119" t="s">
        <v>30</v>
      </c>
      <c r="O23" s="119"/>
      <c r="P23" s="120"/>
      <c r="Q23" s="121" t="s">
        <v>31</v>
      </c>
      <c r="R23" s="121"/>
      <c r="S23" s="121"/>
      <c r="T23" s="60"/>
      <c r="U23" s="119" t="s">
        <v>32</v>
      </c>
      <c r="V23" s="119"/>
      <c r="W23" s="120"/>
      <c r="X23" s="61" t="s">
        <v>1</v>
      </c>
      <c r="Y23" s="62" t="s">
        <v>33</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69</v>
      </c>
      <c r="C29" s="148"/>
      <c r="D29" s="159" t="s">
        <v>1</v>
      </c>
      <c r="E29" s="160"/>
      <c r="F29" s="161" t="s">
        <v>1</v>
      </c>
      <c r="G29" s="162"/>
      <c r="H29" s="65" t="s">
        <v>1</v>
      </c>
      <c r="I29" s="91" t="s">
        <v>28</v>
      </c>
      <c r="J29" s="92"/>
      <c r="K29" s="55" t="s">
        <v>1</v>
      </c>
      <c r="L29" s="91" t="s">
        <v>70</v>
      </c>
      <c r="M29" s="91"/>
      <c r="N29" s="92"/>
      <c r="O29" s="55" t="s">
        <v>1</v>
      </c>
      <c r="P29" s="91" t="s">
        <v>31</v>
      </c>
      <c r="Q29" s="92"/>
      <c r="R29" s="55" t="s">
        <v>1</v>
      </c>
      <c r="S29" s="91" t="s">
        <v>71</v>
      </c>
      <c r="T29" s="91"/>
      <c r="U29" s="92"/>
      <c r="V29" s="55" t="s">
        <v>1</v>
      </c>
      <c r="W29" s="91" t="s">
        <v>71</v>
      </c>
      <c r="X29" s="91"/>
      <c r="Y29" s="157"/>
      <c r="Z29" s="4"/>
    </row>
    <row r="30" spans="1:28" customFormat="1" ht="28.5" customHeight="1">
      <c r="A30" s="64" t="s">
        <v>1</v>
      </c>
      <c r="B30" s="147" t="s">
        <v>1</v>
      </c>
      <c r="C30" s="148"/>
      <c r="D30" s="93" t="s">
        <v>26</v>
      </c>
      <c r="E30" s="94"/>
      <c r="F30" s="153" t="s">
        <v>72</v>
      </c>
      <c r="G30" s="154"/>
      <c r="H30" s="36" t="s">
        <v>1</v>
      </c>
      <c r="I30" s="99" t="s">
        <v>73</v>
      </c>
      <c r="J30" s="100"/>
      <c r="K30" s="31" t="s">
        <v>1</v>
      </c>
      <c r="L30" s="99" t="s">
        <v>74</v>
      </c>
      <c r="M30" s="99"/>
      <c r="N30" s="100"/>
      <c r="O30" s="31" t="s">
        <v>1</v>
      </c>
      <c r="P30" s="99" t="s">
        <v>31</v>
      </c>
      <c r="Q30" s="100"/>
      <c r="R30" s="31" t="s">
        <v>1</v>
      </c>
      <c r="S30" s="99" t="s">
        <v>75</v>
      </c>
      <c r="T30" s="99"/>
      <c r="U30" s="100"/>
      <c r="V30" s="31" t="s">
        <v>1</v>
      </c>
      <c r="W30" s="99" t="s">
        <v>75</v>
      </c>
      <c r="X30" s="99"/>
      <c r="Y30" s="152"/>
      <c r="Z30" s="4"/>
    </row>
    <row r="31" spans="1:28" customFormat="1" ht="28.5" customHeight="1">
      <c r="A31" s="64" t="s">
        <v>1</v>
      </c>
      <c r="B31" s="147" t="s">
        <v>1</v>
      </c>
      <c r="C31" s="148"/>
      <c r="D31" s="93" t="s">
        <v>40</v>
      </c>
      <c r="E31" s="94"/>
      <c r="F31" s="153" t="s">
        <v>76</v>
      </c>
      <c r="G31" s="154"/>
      <c r="H31" s="36" t="s">
        <v>1</v>
      </c>
      <c r="I31" s="99" t="s">
        <v>77</v>
      </c>
      <c r="J31" s="100"/>
      <c r="K31" s="31" t="s">
        <v>1</v>
      </c>
      <c r="L31" s="99" t="s">
        <v>78</v>
      </c>
      <c r="M31" s="99"/>
      <c r="N31" s="100"/>
      <c r="O31" s="31" t="s">
        <v>1</v>
      </c>
      <c r="P31" s="99" t="s">
        <v>31</v>
      </c>
      <c r="Q31" s="100"/>
      <c r="R31" s="31" t="s">
        <v>1</v>
      </c>
      <c r="S31" s="99" t="s">
        <v>79</v>
      </c>
      <c r="T31" s="99"/>
      <c r="U31" s="100"/>
      <c r="V31" s="31" t="s">
        <v>1</v>
      </c>
      <c r="W31" s="99" t="s">
        <v>79</v>
      </c>
      <c r="X31" s="99"/>
      <c r="Y31" s="152"/>
      <c r="Z31" s="4"/>
    </row>
    <row r="32" spans="1:28" customFormat="1" ht="28.5" customHeight="1">
      <c r="A32" s="64" t="s">
        <v>1</v>
      </c>
      <c r="B32" s="147" t="s">
        <v>1</v>
      </c>
      <c r="C32" s="148"/>
      <c r="D32" s="93" t="s">
        <v>46</v>
      </c>
      <c r="E32" s="94"/>
      <c r="F32" s="153" t="s">
        <v>80</v>
      </c>
      <c r="G32" s="154"/>
      <c r="H32" s="36" t="s">
        <v>1</v>
      </c>
      <c r="I32" s="99" t="s">
        <v>81</v>
      </c>
      <c r="J32" s="100"/>
      <c r="K32" s="31" t="s">
        <v>1</v>
      </c>
      <c r="L32" s="99" t="s">
        <v>82</v>
      </c>
      <c r="M32" s="99"/>
      <c r="N32" s="100"/>
      <c r="O32" s="31" t="s">
        <v>1</v>
      </c>
      <c r="P32" s="99" t="s">
        <v>31</v>
      </c>
      <c r="Q32" s="100"/>
      <c r="R32" s="31" t="s">
        <v>1</v>
      </c>
      <c r="S32" s="99" t="s">
        <v>83</v>
      </c>
      <c r="T32" s="99"/>
      <c r="U32" s="100"/>
      <c r="V32" s="31" t="s">
        <v>1</v>
      </c>
      <c r="W32" s="99" t="s">
        <v>83</v>
      </c>
      <c r="X32" s="99"/>
      <c r="Y32" s="152"/>
      <c r="Z32" s="4"/>
    </row>
    <row r="33" spans="1:26" customFormat="1" ht="28.5" customHeight="1">
      <c r="A33" s="64" t="s">
        <v>1</v>
      </c>
      <c r="B33" s="147" t="s">
        <v>1</v>
      </c>
      <c r="C33" s="148"/>
      <c r="D33" s="93" t="s">
        <v>51</v>
      </c>
      <c r="E33" s="94"/>
      <c r="F33" s="153" t="s">
        <v>84</v>
      </c>
      <c r="G33" s="154"/>
      <c r="H33" s="36" t="s">
        <v>1</v>
      </c>
      <c r="I33" s="99" t="s">
        <v>85</v>
      </c>
      <c r="J33" s="100"/>
      <c r="K33" s="31" t="s">
        <v>1</v>
      </c>
      <c r="L33" s="99" t="s">
        <v>86</v>
      </c>
      <c r="M33" s="99"/>
      <c r="N33" s="100"/>
      <c r="O33" s="31" t="s">
        <v>1</v>
      </c>
      <c r="P33" s="99" t="s">
        <v>31</v>
      </c>
      <c r="Q33" s="100"/>
      <c r="R33" s="31" t="s">
        <v>1</v>
      </c>
      <c r="S33" s="99" t="s">
        <v>87</v>
      </c>
      <c r="T33" s="99"/>
      <c r="U33" s="100"/>
      <c r="V33" s="31" t="s">
        <v>1</v>
      </c>
      <c r="W33" s="99" t="s">
        <v>87</v>
      </c>
      <c r="X33" s="99"/>
      <c r="Y33" s="152"/>
      <c r="Z33" s="4"/>
    </row>
    <row r="34" spans="1:26" customFormat="1" ht="28.5" customHeight="1">
      <c r="A34" s="64" t="s">
        <v>1</v>
      </c>
      <c r="B34" s="147" t="s">
        <v>1</v>
      </c>
      <c r="C34" s="148"/>
      <c r="D34" s="93" t="s">
        <v>58</v>
      </c>
      <c r="E34" s="94"/>
      <c r="F34" s="153" t="s">
        <v>88</v>
      </c>
      <c r="G34" s="154"/>
      <c r="H34" s="36" t="s">
        <v>1</v>
      </c>
      <c r="I34" s="99" t="s">
        <v>89</v>
      </c>
      <c r="J34" s="100"/>
      <c r="K34" s="31" t="s">
        <v>1</v>
      </c>
      <c r="L34" s="99" t="s">
        <v>90</v>
      </c>
      <c r="M34" s="99"/>
      <c r="N34" s="100"/>
      <c r="O34" s="31" t="s">
        <v>1</v>
      </c>
      <c r="P34" s="99" t="s">
        <v>31</v>
      </c>
      <c r="Q34" s="100"/>
      <c r="R34" s="31" t="s">
        <v>1</v>
      </c>
      <c r="S34" s="99" t="s">
        <v>91</v>
      </c>
      <c r="T34" s="99"/>
      <c r="U34" s="100"/>
      <c r="V34" s="31" t="s">
        <v>1</v>
      </c>
      <c r="W34" s="99" t="s">
        <v>91</v>
      </c>
      <c r="X34" s="99"/>
      <c r="Y34" s="152"/>
      <c r="Z34" s="4"/>
    </row>
    <row r="35" spans="1:26" customFormat="1" ht="28.5" hidden="1" customHeight="1">
      <c r="A35" s="64" t="s">
        <v>92</v>
      </c>
      <c r="B35" s="147" t="s">
        <v>1</v>
      </c>
      <c r="C35" s="148"/>
      <c r="D35" s="93" t="s">
        <v>1</v>
      </c>
      <c r="E35" s="94"/>
      <c r="F35" s="153" t="s">
        <v>1</v>
      </c>
      <c r="G35" s="154"/>
      <c r="H35" s="36" t="s">
        <v>1</v>
      </c>
      <c r="I35" s="99" t="s">
        <v>28</v>
      </c>
      <c r="J35" s="100"/>
      <c r="K35" s="31" t="s">
        <v>1</v>
      </c>
      <c r="L35" s="99" t="s">
        <v>70</v>
      </c>
      <c r="M35" s="99"/>
      <c r="N35" s="100"/>
      <c r="O35" s="31" t="s">
        <v>1</v>
      </c>
      <c r="P35" s="99" t="s">
        <v>31</v>
      </c>
      <c r="Q35" s="100"/>
      <c r="R35" s="31" t="s">
        <v>1</v>
      </c>
      <c r="S35" s="99" t="s">
        <v>71</v>
      </c>
      <c r="T35" s="99"/>
      <c r="U35" s="100"/>
      <c r="V35" s="31" t="s">
        <v>1</v>
      </c>
      <c r="W35" s="99" t="s">
        <v>71</v>
      </c>
      <c r="X35" s="99"/>
      <c r="Y35" s="152"/>
      <c r="Z35" s="4"/>
    </row>
    <row r="36" spans="1:26" customFormat="1" ht="28.5" hidden="1" customHeight="1">
      <c r="A36" s="64" t="s">
        <v>1</v>
      </c>
      <c r="B36" s="147" t="s">
        <v>1</v>
      </c>
      <c r="C36" s="148"/>
      <c r="D36" s="93" t="s">
        <v>1</v>
      </c>
      <c r="E36" s="94"/>
      <c r="F36" s="153" t="s">
        <v>1</v>
      </c>
      <c r="G36" s="154"/>
      <c r="H36" s="36" t="s">
        <v>5</v>
      </c>
      <c r="I36" s="99" t="s">
        <v>1</v>
      </c>
      <c r="J36" s="100"/>
      <c r="K36" s="31" t="s">
        <v>93</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94</v>
      </c>
      <c r="I37" s="99" t="s">
        <v>1</v>
      </c>
      <c r="J37" s="100"/>
      <c r="K37" s="31" t="s">
        <v>95</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96</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8</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28</v>
      </c>
      <c r="J45" s="120"/>
      <c r="K45" s="61" t="s">
        <v>1</v>
      </c>
      <c r="L45" s="119" t="s">
        <v>70</v>
      </c>
      <c r="M45" s="119"/>
      <c r="N45" s="120"/>
      <c r="O45" s="61" t="s">
        <v>1</v>
      </c>
      <c r="P45" s="119" t="s">
        <v>31</v>
      </c>
      <c r="Q45" s="120"/>
      <c r="R45" s="61" t="s">
        <v>1</v>
      </c>
      <c r="S45" s="119" t="s">
        <v>71</v>
      </c>
      <c r="T45" s="119"/>
      <c r="U45" s="120"/>
      <c r="V45" s="61" t="s">
        <v>1</v>
      </c>
      <c r="W45" s="119" t="s">
        <v>71</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93</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22" pageOrder="overThenDown" orientation="portrait" useFirstPageNumber="1"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zoomScaleNormal="100" workbookViewId="0">
      <selection activeCell="B39" sqref="B39:C39"/>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e">
        <f>IF(#REF!="","",#REF!)</f>
        <v>#REF!</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e">
        <f>IF(#REF!="","",#REF!)</f>
        <v>#REF!</v>
      </c>
      <c r="B6" s="51" t="e">
        <f>IF(#REF!="","",#REF!)</f>
        <v>#REF!</v>
      </c>
      <c r="C6" s="93" t="e">
        <f>IF(#REF!="","",#REF!)</f>
        <v>#REF!</v>
      </c>
      <c r="D6" s="94"/>
      <c r="E6" s="95" t="e">
        <f>IF(#REF!="","",#REF!)</f>
        <v>#REF!</v>
      </c>
      <c r="F6" s="96"/>
      <c r="G6" s="97" t="e">
        <f>IF(#REF!="","",#REF!)</f>
        <v>#REF!</v>
      </c>
      <c r="H6" s="97"/>
      <c r="I6" s="97"/>
      <c r="J6" s="90" t="e">
        <f>IF(#REF!="","",#REF!)</f>
        <v>#REF!</v>
      </c>
      <c r="K6" s="90"/>
      <c r="L6" s="90"/>
      <c r="M6" s="53" t="e">
        <f>IF(#REF!="","",#REF!)</f>
        <v>#REF!</v>
      </c>
      <c r="N6" s="91" t="e">
        <f>IF(#REF!="","",#REF!)</f>
        <v>#REF!</v>
      </c>
      <c r="O6" s="91"/>
      <c r="P6" s="92"/>
      <c r="Q6" s="90" t="e">
        <f>IF(#REF!="","",#REF!)</f>
        <v>#REF!</v>
      </c>
      <c r="R6" s="90"/>
      <c r="S6" s="90"/>
      <c r="T6" s="54"/>
      <c r="U6" s="91" t="e">
        <f>IF(#REF!="","",#REF!)</f>
        <v>#REF!</v>
      </c>
      <c r="V6" s="91"/>
      <c r="W6" s="92"/>
      <c r="X6" s="55" t="e">
        <f>IF(#REF!="","",#REF!)</f>
        <v>#REF!</v>
      </c>
      <c r="Y6" s="56" t="e">
        <f>IF(#REF!="","",#REF!)</f>
        <v>#REF!</v>
      </c>
      <c r="Z6" s="20"/>
      <c r="AA6" s="14"/>
      <c r="AB6" s="20"/>
    </row>
    <row r="7" spans="1:28" customFormat="1" ht="29.1" customHeight="1">
      <c r="A7" s="63" t="e">
        <f>IF(#REF!="","",#REF!)</f>
        <v>#REF!</v>
      </c>
      <c r="B7" s="51" t="e">
        <f>IF(#REF!="","",#REF!)</f>
        <v>#REF!</v>
      </c>
      <c r="C7" s="93" t="e">
        <f>IF(#REF!="","",#REF!)</f>
        <v>#REF!</v>
      </c>
      <c r="D7" s="94"/>
      <c r="E7" s="101" t="e">
        <f>IF(#REF!="","",#REF!)</f>
        <v>#REF!</v>
      </c>
      <c r="F7" s="102"/>
      <c r="G7" s="103" t="e">
        <f>IF(#REF!="","",#REF!)</f>
        <v>#REF!</v>
      </c>
      <c r="H7" s="103"/>
      <c r="I7" s="103"/>
      <c r="J7" s="98" t="e">
        <f>IF(#REF!="","",#REF!)</f>
        <v>#REF!</v>
      </c>
      <c r="K7" s="98"/>
      <c r="L7" s="98"/>
      <c r="M7" s="57" t="e">
        <f>IF(#REF!="","",#REF!)</f>
        <v>#REF!</v>
      </c>
      <c r="N7" s="99" t="e">
        <f>IF(#REF!="","",#REF!)</f>
        <v>#REF!</v>
      </c>
      <c r="O7" s="99"/>
      <c r="P7" s="100"/>
      <c r="Q7" s="98" t="e">
        <f>IF(#REF!="","",#REF!)</f>
        <v>#REF!</v>
      </c>
      <c r="R7" s="98"/>
      <c r="S7" s="98"/>
      <c r="T7" s="58"/>
      <c r="U7" s="99" t="e">
        <f>IF(#REF!="","",#REF!)</f>
        <v>#REF!</v>
      </c>
      <c r="V7" s="99"/>
      <c r="W7" s="100"/>
      <c r="X7" s="31" t="e">
        <f>IF(#REF!="","",#REF!)</f>
        <v>#REF!</v>
      </c>
      <c r="Y7" s="52" t="e">
        <f>IF(#REF!="","",#REF!)</f>
        <v>#REF!</v>
      </c>
      <c r="Z7" s="20"/>
      <c r="AA7" s="20"/>
      <c r="AB7" s="20"/>
    </row>
    <row r="8" spans="1:28" customFormat="1" ht="29.1" customHeight="1">
      <c r="A8" s="63" t="e">
        <f>IF(#REF!="","",#REF!)</f>
        <v>#REF!</v>
      </c>
      <c r="B8" s="51" t="e">
        <f>IF(#REF!="","",#REF!)</f>
        <v>#REF!</v>
      </c>
      <c r="C8" s="93" t="e">
        <f>IF(#REF!="","",#REF!)</f>
        <v>#REF!</v>
      </c>
      <c r="D8" s="94"/>
      <c r="E8" s="101" t="e">
        <f>IF(#REF!="","",#REF!)</f>
        <v>#REF!</v>
      </c>
      <c r="F8" s="102"/>
      <c r="G8" s="103" t="e">
        <f>IF(#REF!="","",#REF!)</f>
        <v>#REF!</v>
      </c>
      <c r="H8" s="103"/>
      <c r="I8" s="103"/>
      <c r="J8" s="98" t="e">
        <f>IF(#REF!="","",#REF!)</f>
        <v>#REF!</v>
      </c>
      <c r="K8" s="98"/>
      <c r="L8" s="98"/>
      <c r="M8" s="57" t="e">
        <f>IF(#REF!="","",#REF!)</f>
        <v>#REF!</v>
      </c>
      <c r="N8" s="99" t="e">
        <f>IF(#REF!="","",#REF!)</f>
        <v>#REF!</v>
      </c>
      <c r="O8" s="99"/>
      <c r="P8" s="100"/>
      <c r="Q8" s="98" t="e">
        <f>IF(#REF!="","",#REF!)</f>
        <v>#REF!</v>
      </c>
      <c r="R8" s="98"/>
      <c r="S8" s="98"/>
      <c r="T8" s="58"/>
      <c r="U8" s="99" t="e">
        <f>IF(#REF!="","",#REF!)</f>
        <v>#REF!</v>
      </c>
      <c r="V8" s="99"/>
      <c r="W8" s="100"/>
      <c r="X8" s="31" t="e">
        <f>IF(#REF!="","",#REF!)</f>
        <v>#REF!</v>
      </c>
      <c r="Y8" s="52" t="e">
        <f>IF(#REF!="","",#REF!)</f>
        <v>#REF!</v>
      </c>
      <c r="Z8" s="20"/>
      <c r="AA8" s="20"/>
      <c r="AB8" s="20"/>
    </row>
    <row r="9" spans="1:28" customFormat="1" ht="29.1" customHeight="1">
      <c r="A9" s="63" t="e">
        <f>IF(#REF!="","",#REF!)</f>
        <v>#REF!</v>
      </c>
      <c r="B9" s="51" t="e">
        <f>IF(#REF!="","",#REF!)</f>
        <v>#REF!</v>
      </c>
      <c r="C9" s="93" t="e">
        <f>IF(#REF!="","",#REF!)</f>
        <v>#REF!</v>
      </c>
      <c r="D9" s="94"/>
      <c r="E9" s="101" t="e">
        <f>IF(#REF!="","",#REF!)</f>
        <v>#REF!</v>
      </c>
      <c r="F9" s="102"/>
      <c r="G9" s="103" t="e">
        <f>IF(#REF!="","",#REF!)</f>
        <v>#REF!</v>
      </c>
      <c r="H9" s="103"/>
      <c r="I9" s="103"/>
      <c r="J9" s="98" t="e">
        <f>IF(#REF!="","",#REF!)</f>
        <v>#REF!</v>
      </c>
      <c r="K9" s="98"/>
      <c r="L9" s="98"/>
      <c r="M9" s="57" t="e">
        <f>IF(#REF!="","",#REF!)</f>
        <v>#REF!</v>
      </c>
      <c r="N9" s="99" t="e">
        <f>IF(#REF!="","",#REF!)</f>
        <v>#REF!</v>
      </c>
      <c r="O9" s="99"/>
      <c r="P9" s="100"/>
      <c r="Q9" s="98" t="e">
        <f>IF(#REF!="","",#REF!)</f>
        <v>#REF!</v>
      </c>
      <c r="R9" s="98"/>
      <c r="S9" s="98"/>
      <c r="T9" s="58"/>
      <c r="U9" s="99" t="e">
        <f>IF(#REF!="","",#REF!)</f>
        <v>#REF!</v>
      </c>
      <c r="V9" s="99"/>
      <c r="W9" s="100"/>
      <c r="X9" s="31" t="e">
        <f>IF(#REF!="","",#REF!)</f>
        <v>#REF!</v>
      </c>
      <c r="Y9" s="52" t="e">
        <f>IF(#REF!="","",#REF!)</f>
        <v>#REF!</v>
      </c>
      <c r="Z9" s="20"/>
      <c r="AA9" s="20"/>
      <c r="AB9" s="20"/>
    </row>
    <row r="10" spans="1:28" customFormat="1" ht="29.1" customHeight="1">
      <c r="A10" s="63" t="e">
        <f>IF(#REF!="","",#REF!)</f>
        <v>#REF!</v>
      </c>
      <c r="B10" s="51" t="e">
        <f>IF(#REF!="","",#REF!)</f>
        <v>#REF!</v>
      </c>
      <c r="C10" s="93" t="e">
        <f>IF(#REF!="","",#REF!)</f>
        <v>#REF!</v>
      </c>
      <c r="D10" s="94"/>
      <c r="E10" s="101" t="e">
        <f>IF(#REF!="","",#REF!)</f>
        <v>#REF!</v>
      </c>
      <c r="F10" s="102"/>
      <c r="G10" s="103" t="e">
        <f>IF(#REF!="","",#REF!)</f>
        <v>#REF!</v>
      </c>
      <c r="H10" s="103"/>
      <c r="I10" s="103"/>
      <c r="J10" s="98" t="e">
        <f>IF(#REF!="","",#REF!)</f>
        <v>#REF!</v>
      </c>
      <c r="K10" s="98"/>
      <c r="L10" s="98"/>
      <c r="M10" s="57" t="e">
        <f>IF(#REF!="","",#REF!)</f>
        <v>#REF!</v>
      </c>
      <c r="N10" s="99" t="e">
        <f>IF(#REF!="","",#REF!)</f>
        <v>#REF!</v>
      </c>
      <c r="O10" s="99"/>
      <c r="P10" s="100"/>
      <c r="Q10" s="98" t="e">
        <f>IF(#REF!="","",#REF!)</f>
        <v>#REF!</v>
      </c>
      <c r="R10" s="98"/>
      <c r="S10" s="98"/>
      <c r="T10" s="58"/>
      <c r="U10" s="99" t="e">
        <f>IF(#REF!="","",#REF!)</f>
        <v>#REF!</v>
      </c>
      <c r="V10" s="99"/>
      <c r="W10" s="100"/>
      <c r="X10" s="31" t="e">
        <f>IF(#REF!="","",#REF!)</f>
        <v>#REF!</v>
      </c>
      <c r="Y10" s="52" t="e">
        <f>IF(#REF!="","",#REF!)</f>
        <v>#REF!</v>
      </c>
      <c r="Z10" s="20"/>
      <c r="AA10" s="20"/>
      <c r="AB10" s="20"/>
    </row>
    <row r="11" spans="1:28" customFormat="1" ht="29.1" customHeight="1">
      <c r="A11" s="63" t="e">
        <f>IF(#REF!="","",#REF!)</f>
        <v>#REF!</v>
      </c>
      <c r="B11" s="51" t="e">
        <f>IF(#REF!="","",#REF!)</f>
        <v>#REF!</v>
      </c>
      <c r="C11" s="93" t="e">
        <f>IF(#REF!="","",#REF!)</f>
        <v>#REF!</v>
      </c>
      <c r="D11" s="94"/>
      <c r="E11" s="101" t="e">
        <f>IF(#REF!="","",#REF!)</f>
        <v>#REF!</v>
      </c>
      <c r="F11" s="102"/>
      <c r="G11" s="103" t="e">
        <f>IF(#REF!="","",#REF!)</f>
        <v>#REF!</v>
      </c>
      <c r="H11" s="103"/>
      <c r="I11" s="103"/>
      <c r="J11" s="98" t="e">
        <f>IF(#REF!="","",#REF!)</f>
        <v>#REF!</v>
      </c>
      <c r="K11" s="98"/>
      <c r="L11" s="98"/>
      <c r="M11" s="57" t="e">
        <f>IF(#REF!="","",#REF!)</f>
        <v>#REF!</v>
      </c>
      <c r="N11" s="99" t="e">
        <f>IF(#REF!="","",#REF!)</f>
        <v>#REF!</v>
      </c>
      <c r="O11" s="99"/>
      <c r="P11" s="100"/>
      <c r="Q11" s="98" t="e">
        <f>IF(#REF!="","",#REF!)</f>
        <v>#REF!</v>
      </c>
      <c r="R11" s="98"/>
      <c r="S11" s="98"/>
      <c r="T11" s="58"/>
      <c r="U11" s="99" t="e">
        <f>IF(#REF!="","",#REF!)</f>
        <v>#REF!</v>
      </c>
      <c r="V11" s="99"/>
      <c r="W11" s="100"/>
      <c r="X11" s="31" t="e">
        <f>IF(#REF!="","",#REF!)</f>
        <v>#REF!</v>
      </c>
      <c r="Y11" s="52" t="e">
        <f>IF(#REF!="","",#REF!)</f>
        <v>#REF!</v>
      </c>
      <c r="Z11" s="20"/>
      <c r="AA11" s="20"/>
      <c r="AB11" s="20"/>
    </row>
    <row r="12" spans="1:28" customFormat="1" ht="29.1" customHeight="1">
      <c r="A12" s="63" t="e">
        <f>IF(#REF!="","",#REF!)</f>
        <v>#REF!</v>
      </c>
      <c r="B12" s="51" t="e">
        <f>IF(#REF!="","",#REF!)</f>
        <v>#REF!</v>
      </c>
      <c r="C12" s="93" t="e">
        <f>IF(#REF!="","",#REF!)</f>
        <v>#REF!</v>
      </c>
      <c r="D12" s="94"/>
      <c r="E12" s="101" t="e">
        <f>IF(#REF!="","",#REF!)</f>
        <v>#REF!</v>
      </c>
      <c r="F12" s="102"/>
      <c r="G12" s="103" t="e">
        <f>IF(#REF!="","",#REF!)</f>
        <v>#REF!</v>
      </c>
      <c r="H12" s="103"/>
      <c r="I12" s="103"/>
      <c r="J12" s="98" t="e">
        <f>IF(#REF!="","",#REF!)</f>
        <v>#REF!</v>
      </c>
      <c r="K12" s="98"/>
      <c r="L12" s="98"/>
      <c r="M12" s="57" t="e">
        <f>IF(#REF!="","",#REF!)</f>
        <v>#REF!</v>
      </c>
      <c r="N12" s="99" t="e">
        <f>IF(#REF!="","",#REF!)</f>
        <v>#REF!</v>
      </c>
      <c r="O12" s="99"/>
      <c r="P12" s="100"/>
      <c r="Q12" s="98" t="e">
        <f>IF(#REF!="","",#REF!)</f>
        <v>#REF!</v>
      </c>
      <c r="R12" s="98"/>
      <c r="S12" s="98"/>
      <c r="T12" s="58"/>
      <c r="U12" s="99" t="e">
        <f>IF(#REF!="","",#REF!)</f>
        <v>#REF!</v>
      </c>
      <c r="V12" s="99"/>
      <c r="W12" s="100"/>
      <c r="X12" s="31" t="e">
        <f>IF(#REF!="","",#REF!)</f>
        <v>#REF!</v>
      </c>
      <c r="Y12" s="52" t="e">
        <f>IF(#REF!="","",#REF!)</f>
        <v>#REF!</v>
      </c>
      <c r="Z12" s="20"/>
      <c r="AA12" s="20"/>
      <c r="AB12" s="20"/>
    </row>
    <row r="13" spans="1:28" customFormat="1" ht="29.1" customHeight="1">
      <c r="A13" s="63" t="e">
        <f>IF(#REF!="","",#REF!)</f>
        <v>#REF!</v>
      </c>
      <c r="B13" s="51" t="e">
        <f>IF(#REF!="","",#REF!)</f>
        <v>#REF!</v>
      </c>
      <c r="C13" s="93" t="e">
        <f>IF(#REF!="","",#REF!)</f>
        <v>#REF!</v>
      </c>
      <c r="D13" s="94"/>
      <c r="E13" s="101" t="e">
        <f>IF(#REF!="","",#REF!)</f>
        <v>#REF!</v>
      </c>
      <c r="F13" s="102"/>
      <c r="G13" s="103" t="e">
        <f>IF(#REF!="","",#REF!)</f>
        <v>#REF!</v>
      </c>
      <c r="H13" s="103"/>
      <c r="I13" s="103"/>
      <c r="J13" s="98" t="e">
        <f>IF(#REF!="","",#REF!)</f>
        <v>#REF!</v>
      </c>
      <c r="K13" s="98"/>
      <c r="L13" s="98"/>
      <c r="M13" s="57" t="e">
        <f>IF(#REF!="","",#REF!)</f>
        <v>#REF!</v>
      </c>
      <c r="N13" s="99" t="e">
        <f>IF(#REF!="","",#REF!)</f>
        <v>#REF!</v>
      </c>
      <c r="O13" s="99"/>
      <c r="P13" s="100"/>
      <c r="Q13" s="98" t="e">
        <f>IF(#REF!="","",#REF!)</f>
        <v>#REF!</v>
      </c>
      <c r="R13" s="98"/>
      <c r="S13" s="98"/>
      <c r="T13" s="58"/>
      <c r="U13" s="99" t="e">
        <f>IF(#REF!="","",#REF!)</f>
        <v>#REF!</v>
      </c>
      <c r="V13" s="99"/>
      <c r="W13" s="100"/>
      <c r="X13" s="31" t="e">
        <f>IF(#REF!="","",#REF!)</f>
        <v>#REF!</v>
      </c>
      <c r="Y13" s="52" t="e">
        <f>IF(#REF!="","",#REF!)</f>
        <v>#REF!</v>
      </c>
      <c r="Z13" s="20"/>
      <c r="AA13" s="20"/>
      <c r="AB13" s="20"/>
    </row>
    <row r="14" spans="1:28" customFormat="1" ht="29.1" customHeight="1">
      <c r="A14" s="63" t="e">
        <f>IF(#REF!="","",#REF!)</f>
        <v>#REF!</v>
      </c>
      <c r="B14" s="51" t="e">
        <f>IF(#REF!="","",#REF!)</f>
        <v>#REF!</v>
      </c>
      <c r="C14" s="93" t="e">
        <f>IF(#REF!="","",#REF!)</f>
        <v>#REF!</v>
      </c>
      <c r="D14" s="94"/>
      <c r="E14" s="101" t="e">
        <f>IF(#REF!="","",#REF!)</f>
        <v>#REF!</v>
      </c>
      <c r="F14" s="102"/>
      <c r="G14" s="103" t="e">
        <f>IF(#REF!="","",#REF!)</f>
        <v>#REF!</v>
      </c>
      <c r="H14" s="103"/>
      <c r="I14" s="103"/>
      <c r="J14" s="98" t="e">
        <f>IF(#REF!="","",#REF!)</f>
        <v>#REF!</v>
      </c>
      <c r="K14" s="98"/>
      <c r="L14" s="98"/>
      <c r="M14" s="57" t="e">
        <f>IF(#REF!="","",#REF!)</f>
        <v>#REF!</v>
      </c>
      <c r="N14" s="99" t="e">
        <f>IF(#REF!="","",#REF!)</f>
        <v>#REF!</v>
      </c>
      <c r="O14" s="99"/>
      <c r="P14" s="100"/>
      <c r="Q14" s="98" t="e">
        <f>IF(#REF!="","",#REF!)</f>
        <v>#REF!</v>
      </c>
      <c r="R14" s="98"/>
      <c r="S14" s="98"/>
      <c r="T14" s="58"/>
      <c r="U14" s="99" t="e">
        <f>IF(#REF!="","",#REF!)</f>
        <v>#REF!</v>
      </c>
      <c r="V14" s="99"/>
      <c r="W14" s="100"/>
      <c r="X14" s="31" t="e">
        <f>IF(#REF!="","",#REF!)</f>
        <v>#REF!</v>
      </c>
      <c r="Y14" s="52" t="e">
        <f>IF(#REF!="","",#REF!)</f>
        <v>#REF!</v>
      </c>
      <c r="Z14" s="20"/>
      <c r="AA14" s="20"/>
      <c r="AB14" s="20"/>
    </row>
    <row r="15" spans="1:28" customFormat="1" ht="29.1" customHeight="1">
      <c r="A15" s="63" t="e">
        <f>IF(#REF!="","",#REF!)</f>
        <v>#REF!</v>
      </c>
      <c r="B15" s="51" t="e">
        <f>IF(#REF!="","",#REF!)</f>
        <v>#REF!</v>
      </c>
      <c r="C15" s="93" t="e">
        <f>IF(#REF!="","",#REF!)</f>
        <v>#REF!</v>
      </c>
      <c r="D15" s="94"/>
      <c r="E15" s="101" t="e">
        <f>IF(#REF!="","",#REF!)</f>
        <v>#REF!</v>
      </c>
      <c r="F15" s="102"/>
      <c r="G15" s="103" t="e">
        <f>IF(#REF!="","",#REF!)</f>
        <v>#REF!</v>
      </c>
      <c r="H15" s="103"/>
      <c r="I15" s="103"/>
      <c r="J15" s="98" t="e">
        <f>IF(#REF!="","",#REF!)</f>
        <v>#REF!</v>
      </c>
      <c r="K15" s="98"/>
      <c r="L15" s="98"/>
      <c r="M15" s="57" t="e">
        <f>IF(#REF!="","",#REF!)</f>
        <v>#REF!</v>
      </c>
      <c r="N15" s="99" t="e">
        <f>IF(#REF!="","",#REF!)</f>
        <v>#REF!</v>
      </c>
      <c r="O15" s="99"/>
      <c r="P15" s="100"/>
      <c r="Q15" s="98" t="e">
        <f>IF(#REF!="","",#REF!)</f>
        <v>#REF!</v>
      </c>
      <c r="R15" s="98"/>
      <c r="S15" s="98"/>
      <c r="T15" s="58"/>
      <c r="U15" s="99" t="e">
        <f>IF(#REF!="","",#REF!)</f>
        <v>#REF!</v>
      </c>
      <c r="V15" s="99"/>
      <c r="W15" s="100"/>
      <c r="X15" s="31" t="e">
        <f>IF(#REF!="","",#REF!)</f>
        <v>#REF!</v>
      </c>
      <c r="Y15" s="52" t="e">
        <f>IF(#REF!="","",#REF!)</f>
        <v>#REF!</v>
      </c>
      <c r="Z15" s="20"/>
      <c r="AA15" s="20"/>
      <c r="AB15" s="20"/>
    </row>
    <row r="16" spans="1:28" customFormat="1" ht="29.1" customHeight="1">
      <c r="A16" s="63" t="e">
        <f>IF(#REF!="","",#REF!)</f>
        <v>#REF!</v>
      </c>
      <c r="B16" s="51" t="e">
        <f>IF(#REF!="","",#REF!)</f>
        <v>#REF!</v>
      </c>
      <c r="C16" s="93" t="e">
        <f>IF(#REF!="","",#REF!)</f>
        <v>#REF!</v>
      </c>
      <c r="D16" s="94"/>
      <c r="E16" s="101" t="e">
        <f>IF(#REF!="","",#REF!)</f>
        <v>#REF!</v>
      </c>
      <c r="F16" s="102"/>
      <c r="G16" s="103" t="e">
        <f>IF(#REF!="","",#REF!)</f>
        <v>#REF!</v>
      </c>
      <c r="H16" s="103"/>
      <c r="I16" s="103"/>
      <c r="J16" s="98" t="e">
        <f>IF(#REF!="","",#REF!)</f>
        <v>#REF!</v>
      </c>
      <c r="K16" s="98"/>
      <c r="L16" s="98"/>
      <c r="M16" s="57" t="e">
        <f>IF(#REF!="","",#REF!)</f>
        <v>#REF!</v>
      </c>
      <c r="N16" s="99" t="e">
        <f>IF(#REF!="","",#REF!)</f>
        <v>#REF!</v>
      </c>
      <c r="O16" s="99"/>
      <c r="P16" s="100"/>
      <c r="Q16" s="98" t="e">
        <f>IF(#REF!="","",#REF!)</f>
        <v>#REF!</v>
      </c>
      <c r="R16" s="98"/>
      <c r="S16" s="98"/>
      <c r="T16" s="58"/>
      <c r="U16" s="99" t="e">
        <f>IF(#REF!="","",#REF!)</f>
        <v>#REF!</v>
      </c>
      <c r="V16" s="99"/>
      <c r="W16" s="100"/>
      <c r="X16" s="31" t="e">
        <f>IF(#REF!="","",#REF!)</f>
        <v>#REF!</v>
      </c>
      <c r="Y16" s="52" t="e">
        <f>IF(#REF!="","",#REF!)</f>
        <v>#REF!</v>
      </c>
      <c r="Z16" s="20"/>
      <c r="AA16" s="20"/>
      <c r="AB16" s="20"/>
    </row>
    <row r="17" spans="1:28" customFormat="1" ht="29.1" customHeight="1">
      <c r="A17" s="63" t="e">
        <f>IF(#REF!="","",#REF!)</f>
        <v>#REF!</v>
      </c>
      <c r="B17" s="51" t="e">
        <f>IF(#REF!="","",#REF!)</f>
        <v>#REF!</v>
      </c>
      <c r="C17" s="93" t="e">
        <f>IF(#REF!="","",#REF!)</f>
        <v>#REF!</v>
      </c>
      <c r="D17" s="94"/>
      <c r="E17" s="101" t="e">
        <f>IF(#REF!="","",#REF!)</f>
        <v>#REF!</v>
      </c>
      <c r="F17" s="102"/>
      <c r="G17" s="103" t="e">
        <f>IF(#REF!="","",#REF!)</f>
        <v>#REF!</v>
      </c>
      <c r="H17" s="103"/>
      <c r="I17" s="103"/>
      <c r="J17" s="98" t="e">
        <f>IF(#REF!="","",#REF!)</f>
        <v>#REF!</v>
      </c>
      <c r="K17" s="98"/>
      <c r="L17" s="98"/>
      <c r="M17" s="57" t="e">
        <f>IF(#REF!="","",#REF!)</f>
        <v>#REF!</v>
      </c>
      <c r="N17" s="99" t="e">
        <f>IF(#REF!="","",#REF!)</f>
        <v>#REF!</v>
      </c>
      <c r="O17" s="99"/>
      <c r="P17" s="100"/>
      <c r="Q17" s="98" t="e">
        <f>IF(#REF!="","",#REF!)</f>
        <v>#REF!</v>
      </c>
      <c r="R17" s="98"/>
      <c r="S17" s="98"/>
      <c r="T17" s="58"/>
      <c r="U17" s="99" t="e">
        <f>IF(#REF!="","",#REF!)</f>
        <v>#REF!</v>
      </c>
      <c r="V17" s="99"/>
      <c r="W17" s="100"/>
      <c r="X17" s="31" t="e">
        <f>IF(#REF!="","",#REF!)</f>
        <v>#REF!</v>
      </c>
      <c r="Y17" s="52" t="e">
        <f>IF(#REF!="","",#REF!)</f>
        <v>#REF!</v>
      </c>
      <c r="Z17" s="20"/>
      <c r="AA17" s="20"/>
      <c r="AB17" s="20"/>
    </row>
    <row r="18" spans="1:28" customFormat="1" ht="29.1" customHeight="1">
      <c r="A18" s="63" t="e">
        <f>IF(#REF!="","",#REF!)</f>
        <v>#REF!</v>
      </c>
      <c r="B18" s="51" t="e">
        <f>IF(#REF!="","",#REF!)</f>
        <v>#REF!</v>
      </c>
      <c r="C18" s="93" t="e">
        <f>IF(#REF!="","",#REF!)</f>
        <v>#REF!</v>
      </c>
      <c r="D18" s="94"/>
      <c r="E18" s="101" t="e">
        <f>IF(#REF!="","",#REF!)</f>
        <v>#REF!</v>
      </c>
      <c r="F18" s="102"/>
      <c r="G18" s="103" t="e">
        <f>IF(#REF!="","",#REF!)</f>
        <v>#REF!</v>
      </c>
      <c r="H18" s="103"/>
      <c r="I18" s="103"/>
      <c r="J18" s="98" t="e">
        <f>IF(#REF!="","",#REF!)</f>
        <v>#REF!</v>
      </c>
      <c r="K18" s="98"/>
      <c r="L18" s="98"/>
      <c r="M18" s="57" t="e">
        <f>IF(#REF!="","",#REF!)</f>
        <v>#REF!</v>
      </c>
      <c r="N18" s="99" t="e">
        <f>IF(#REF!="","",#REF!)</f>
        <v>#REF!</v>
      </c>
      <c r="O18" s="99"/>
      <c r="P18" s="100"/>
      <c r="Q18" s="98" t="e">
        <f>IF(#REF!="","",#REF!)</f>
        <v>#REF!</v>
      </c>
      <c r="R18" s="98"/>
      <c r="S18" s="98"/>
      <c r="T18" s="58"/>
      <c r="U18" s="99" t="e">
        <f>IF(#REF!="","",#REF!)</f>
        <v>#REF!</v>
      </c>
      <c r="V18" s="99"/>
      <c r="W18" s="100"/>
      <c r="X18" s="31" t="e">
        <f>IF(#REF!="","",#REF!)</f>
        <v>#REF!</v>
      </c>
      <c r="Y18" s="52" t="e">
        <f>IF(#REF!="","",#REF!)</f>
        <v>#REF!</v>
      </c>
      <c r="Z18" s="20"/>
      <c r="AA18" s="20"/>
      <c r="AB18" s="20"/>
    </row>
    <row r="19" spans="1:28" customFormat="1" ht="29.1" customHeight="1">
      <c r="A19" s="63" t="e">
        <f>IF(#REF!="","",#REF!)</f>
        <v>#REF!</v>
      </c>
      <c r="B19" s="51" t="e">
        <f>IF(#REF!="","",#REF!)</f>
        <v>#REF!</v>
      </c>
      <c r="C19" s="93" t="e">
        <f>IF(#REF!="","",#REF!)</f>
        <v>#REF!</v>
      </c>
      <c r="D19" s="94"/>
      <c r="E19" s="101" t="e">
        <f>IF(#REF!="","",#REF!)</f>
        <v>#REF!</v>
      </c>
      <c r="F19" s="102"/>
      <c r="G19" s="103" t="e">
        <f>IF(#REF!="","",#REF!)</f>
        <v>#REF!</v>
      </c>
      <c r="H19" s="103"/>
      <c r="I19" s="103"/>
      <c r="J19" s="98" t="e">
        <f>IF(#REF!="","",#REF!)</f>
        <v>#REF!</v>
      </c>
      <c r="K19" s="98"/>
      <c r="L19" s="98"/>
      <c r="M19" s="57" t="e">
        <f>IF(#REF!="","",#REF!)</f>
        <v>#REF!</v>
      </c>
      <c r="N19" s="99" t="e">
        <f>IF(#REF!="","",#REF!)</f>
        <v>#REF!</v>
      </c>
      <c r="O19" s="99"/>
      <c r="P19" s="100"/>
      <c r="Q19" s="98" t="e">
        <f>IF(#REF!="","",#REF!)</f>
        <v>#REF!</v>
      </c>
      <c r="R19" s="98"/>
      <c r="S19" s="98"/>
      <c r="T19" s="58"/>
      <c r="U19" s="99" t="e">
        <f>IF(#REF!="","",#REF!)</f>
        <v>#REF!</v>
      </c>
      <c r="V19" s="99"/>
      <c r="W19" s="100"/>
      <c r="X19" s="31" t="e">
        <f>IF(#REF!="","",#REF!)</f>
        <v>#REF!</v>
      </c>
      <c r="Y19" s="52" t="e">
        <f>IF(#REF!="","",#REF!)</f>
        <v>#REF!</v>
      </c>
      <c r="Z19" s="20"/>
      <c r="AA19" s="20"/>
      <c r="AB19" s="20"/>
    </row>
    <row r="20" spans="1:28" customFormat="1" ht="29.1" customHeight="1">
      <c r="A20" s="63" t="e">
        <f>IF(#REF!="","",#REF!)</f>
        <v>#REF!</v>
      </c>
      <c r="B20" s="51" t="e">
        <f>IF(#REF!="","",#REF!)</f>
        <v>#REF!</v>
      </c>
      <c r="C20" s="93" t="e">
        <f>IF(#REF!="","",#REF!)</f>
        <v>#REF!</v>
      </c>
      <c r="D20" s="94"/>
      <c r="E20" s="101" t="e">
        <f>IF(#REF!="","",#REF!)</f>
        <v>#REF!</v>
      </c>
      <c r="F20" s="102"/>
      <c r="G20" s="103" t="e">
        <f>IF(#REF!="","",#REF!)</f>
        <v>#REF!</v>
      </c>
      <c r="H20" s="103"/>
      <c r="I20" s="103"/>
      <c r="J20" s="98" t="e">
        <f>IF(#REF!="","",#REF!)</f>
        <v>#REF!</v>
      </c>
      <c r="K20" s="98"/>
      <c r="L20" s="98"/>
      <c r="M20" s="57" t="e">
        <f>IF(#REF!="","",#REF!)</f>
        <v>#REF!</v>
      </c>
      <c r="N20" s="99" t="e">
        <f>IF(#REF!="","",#REF!)</f>
        <v>#REF!</v>
      </c>
      <c r="O20" s="99"/>
      <c r="P20" s="100"/>
      <c r="Q20" s="98" t="e">
        <f>IF(#REF!="","",#REF!)</f>
        <v>#REF!</v>
      </c>
      <c r="R20" s="98"/>
      <c r="S20" s="98"/>
      <c r="T20" s="58"/>
      <c r="U20" s="99" t="e">
        <f>IF(#REF!="","",#REF!)</f>
        <v>#REF!</v>
      </c>
      <c r="V20" s="99"/>
      <c r="W20" s="100"/>
      <c r="X20" s="31" t="e">
        <f>IF(#REF!="","",#REF!)</f>
        <v>#REF!</v>
      </c>
      <c r="Y20" s="52" t="e">
        <f>IF(#REF!="","",#REF!)</f>
        <v>#REF!</v>
      </c>
      <c r="Z20" s="20"/>
      <c r="AA20" s="20"/>
      <c r="AB20" s="20"/>
    </row>
    <row r="21" spans="1:28" customFormat="1" ht="29.1" customHeight="1">
      <c r="A21" s="63" t="e">
        <f>IF(#REF!="","",#REF!)</f>
        <v>#REF!</v>
      </c>
      <c r="B21" s="51" t="e">
        <f>IF(#REF!="","",#REF!)</f>
        <v>#REF!</v>
      </c>
      <c r="C21" s="93" t="e">
        <f>IF(#REF!="","",#REF!)</f>
        <v>#REF!</v>
      </c>
      <c r="D21" s="94"/>
      <c r="E21" s="101" t="e">
        <f>IF(#REF!="","",#REF!)</f>
        <v>#REF!</v>
      </c>
      <c r="F21" s="102"/>
      <c r="G21" s="103" t="e">
        <f>IF(#REF!="","",#REF!)</f>
        <v>#REF!</v>
      </c>
      <c r="H21" s="103"/>
      <c r="I21" s="103"/>
      <c r="J21" s="98" t="e">
        <f>IF(#REF!="","",#REF!)</f>
        <v>#REF!</v>
      </c>
      <c r="K21" s="98"/>
      <c r="L21" s="98"/>
      <c r="M21" s="57" t="e">
        <f>IF(#REF!="","",#REF!)</f>
        <v>#REF!</v>
      </c>
      <c r="N21" s="99" t="e">
        <f>IF(#REF!="","",#REF!)</f>
        <v>#REF!</v>
      </c>
      <c r="O21" s="99"/>
      <c r="P21" s="100"/>
      <c r="Q21" s="98" t="e">
        <f>IF(#REF!="","",#REF!)</f>
        <v>#REF!</v>
      </c>
      <c r="R21" s="98"/>
      <c r="S21" s="98"/>
      <c r="T21" s="58"/>
      <c r="U21" s="99" t="e">
        <f>IF(#REF!="","",#REF!)</f>
        <v>#REF!</v>
      </c>
      <c r="V21" s="99"/>
      <c r="W21" s="100"/>
      <c r="X21" s="31" t="e">
        <f>IF(#REF!="","",#REF!)</f>
        <v>#REF!</v>
      </c>
      <c r="Y21" s="52" t="e">
        <f>IF(#REF!="","",#REF!)</f>
        <v>#REF!</v>
      </c>
      <c r="Z21" s="20"/>
      <c r="AA21" s="20"/>
      <c r="AB21" s="20"/>
    </row>
    <row r="22" spans="1:28" customFormat="1" ht="29.1" customHeight="1">
      <c r="A22" s="63" t="e">
        <f>IF(#REF!="","",#REF!)</f>
        <v>#REF!</v>
      </c>
      <c r="B22" s="51" t="e">
        <f>IF(#REF!="","",#REF!)</f>
        <v>#REF!</v>
      </c>
      <c r="C22" s="111" t="e">
        <f>IF(#REF!="","",#REF!)</f>
        <v>#REF!</v>
      </c>
      <c r="D22" s="112"/>
      <c r="E22" s="113" t="e">
        <f>IF(#REF!="","",#REF!)</f>
        <v>#REF!</v>
      </c>
      <c r="F22" s="114"/>
      <c r="G22" s="115" t="e">
        <f>IF(#REF!="","",#REF!)</f>
        <v>#REF!</v>
      </c>
      <c r="H22" s="115"/>
      <c r="I22" s="115"/>
      <c r="J22" s="116" t="e">
        <f>IF(#REF!="","",#REF!)</f>
        <v>#REF!</v>
      </c>
      <c r="K22" s="116"/>
      <c r="L22" s="116"/>
      <c r="M22" s="68" t="e">
        <f>IF(#REF!="","",#REF!)</f>
        <v>#REF!</v>
      </c>
      <c r="N22" s="117" t="e">
        <f>IF(#REF!="","",#REF!)</f>
        <v>#REF!</v>
      </c>
      <c r="O22" s="117"/>
      <c r="P22" s="118"/>
      <c r="Q22" s="116" t="e">
        <f>IF(#REF!="","",#REF!)</f>
        <v>#REF!</v>
      </c>
      <c r="R22" s="116"/>
      <c r="S22" s="116"/>
      <c r="T22" s="69"/>
      <c r="U22" s="117" t="e">
        <f>IF(#REF!="","",#REF!)</f>
        <v>#REF!</v>
      </c>
      <c r="V22" s="117"/>
      <c r="W22" s="118"/>
      <c r="X22" s="46" t="e">
        <f>IF(#REF!="","",#REF!)</f>
        <v>#REF!</v>
      </c>
      <c r="Y22" s="50" t="e">
        <f>IF(#REF!="","",#REF!)</f>
        <v>#REF!</v>
      </c>
      <c r="Z22" s="20"/>
      <c r="AA22" s="20"/>
      <c r="AB22" s="20"/>
    </row>
    <row r="23" spans="1:28" customFormat="1" ht="29.1" customHeight="1">
      <c r="A23" s="122" t="s">
        <v>10</v>
      </c>
      <c r="B23" s="123"/>
      <c r="C23" s="123"/>
      <c r="D23" s="123"/>
      <c r="E23" s="123"/>
      <c r="F23" s="123"/>
      <c r="G23" s="124" t="e">
        <f>IF(#REF!="","",#REF!)</f>
        <v>#REF!</v>
      </c>
      <c r="H23" s="124"/>
      <c r="I23" s="124"/>
      <c r="J23" s="121" t="e">
        <f>IF(#REF!="","",#REF!)</f>
        <v>#REF!</v>
      </c>
      <c r="K23" s="121"/>
      <c r="L23" s="121"/>
      <c r="M23" s="59" t="e">
        <f>IF(#REF!="","",#REF!)</f>
        <v>#REF!</v>
      </c>
      <c r="N23" s="119" t="e">
        <f>IF(#REF!="","",#REF!)</f>
        <v>#REF!</v>
      </c>
      <c r="O23" s="119"/>
      <c r="P23" s="120"/>
      <c r="Q23" s="121" t="e">
        <f>IF(#REF!="","",#REF!)</f>
        <v>#REF!</v>
      </c>
      <c r="R23" s="121"/>
      <c r="S23" s="121"/>
      <c r="T23" s="60"/>
      <c r="U23" s="119" t="e">
        <f>IF(#REF!="","",#REF!)</f>
        <v>#REF!</v>
      </c>
      <c r="V23" s="119"/>
      <c r="W23" s="120"/>
      <c r="X23" s="61" t="e">
        <f>IF(#REF!="","",#REF!)</f>
        <v>#REF!</v>
      </c>
      <c r="Y23" s="62" t="e">
        <f>IF(#REF!="","",#REF!)</f>
        <v>#REF!</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3" t="s">
        <v>18</v>
      </c>
      <c r="G28" s="144"/>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e">
        <f>IF(#REF!="","",#REF!)</f>
        <v>#REF!</v>
      </c>
      <c r="B29" s="147" t="e">
        <f>IF(#REF!="","",#REF!)</f>
        <v>#REF!</v>
      </c>
      <c r="C29" s="148"/>
      <c r="D29" s="159" t="e">
        <f>IF(#REF!="","",#REF!)</f>
        <v>#REF!</v>
      </c>
      <c r="E29" s="160"/>
      <c r="F29" s="161" t="e">
        <f>IF(#REF!="","",#REF!)</f>
        <v>#REF!</v>
      </c>
      <c r="G29" s="162"/>
      <c r="H29" s="65" t="e">
        <f>IF(#REF!="","",#REF!)</f>
        <v>#REF!</v>
      </c>
      <c r="I29" s="91" t="e">
        <f>IF(#REF!="","",#REF!)</f>
        <v>#REF!</v>
      </c>
      <c r="J29" s="92"/>
      <c r="K29" s="55" t="e">
        <f>IF(#REF!="","",#REF!)</f>
        <v>#REF!</v>
      </c>
      <c r="L29" s="91" t="e">
        <f>IF(#REF!="","",#REF!)</f>
        <v>#REF!</v>
      </c>
      <c r="M29" s="91"/>
      <c r="N29" s="92"/>
      <c r="O29" s="55" t="e">
        <f>IF(#REF!="","",#REF!)</f>
        <v>#REF!</v>
      </c>
      <c r="P29" s="91" t="e">
        <f>IF(#REF!="","",#REF!)</f>
        <v>#REF!</v>
      </c>
      <c r="Q29" s="92"/>
      <c r="R29" s="55" t="e">
        <f>IF(#REF!="","",#REF!)</f>
        <v>#REF!</v>
      </c>
      <c r="S29" s="91" t="e">
        <f>IF(#REF!="","",#REF!)</f>
        <v>#REF!</v>
      </c>
      <c r="T29" s="91"/>
      <c r="U29" s="92"/>
      <c r="V29" s="55" t="e">
        <f>IF(#REF!="","",#REF!)</f>
        <v>#REF!</v>
      </c>
      <c r="W29" s="91" t="e">
        <f>IF(#REF!="","",#REF!)</f>
        <v>#REF!</v>
      </c>
      <c r="X29" s="91"/>
      <c r="Y29" s="157"/>
      <c r="Z29" s="4"/>
    </row>
    <row r="30" spans="1:28" customFormat="1" ht="28.5" customHeight="1">
      <c r="A30" s="64" t="e">
        <f>IF(#REF!="","",#REF!)</f>
        <v>#REF!</v>
      </c>
      <c r="B30" s="147" t="e">
        <f>IF(#REF!="","",#REF!)</f>
        <v>#REF!</v>
      </c>
      <c r="C30" s="148"/>
      <c r="D30" s="93" t="e">
        <f>IF(#REF!="","",#REF!)</f>
        <v>#REF!</v>
      </c>
      <c r="E30" s="94"/>
      <c r="F30" s="153" t="e">
        <f>IF(#REF!="","",#REF!)</f>
        <v>#REF!</v>
      </c>
      <c r="G30" s="154"/>
      <c r="H30" s="36" t="e">
        <f>IF(#REF!="","",#REF!)</f>
        <v>#REF!</v>
      </c>
      <c r="I30" s="99" t="e">
        <f>IF(#REF!="","",#REF!)</f>
        <v>#REF!</v>
      </c>
      <c r="J30" s="100"/>
      <c r="K30" s="31" t="e">
        <f>IF(#REF!="","",#REF!)</f>
        <v>#REF!</v>
      </c>
      <c r="L30" s="99" t="e">
        <f>IF(#REF!="","",#REF!)</f>
        <v>#REF!</v>
      </c>
      <c r="M30" s="99"/>
      <c r="N30" s="100"/>
      <c r="O30" s="31" t="e">
        <f>IF(#REF!="","",#REF!)</f>
        <v>#REF!</v>
      </c>
      <c r="P30" s="99" t="e">
        <f>IF(#REF!="","",#REF!)</f>
        <v>#REF!</v>
      </c>
      <c r="Q30" s="100"/>
      <c r="R30" s="31" t="e">
        <f>IF(#REF!="","",#REF!)</f>
        <v>#REF!</v>
      </c>
      <c r="S30" s="99" t="e">
        <f>IF(#REF!="","",#REF!)</f>
        <v>#REF!</v>
      </c>
      <c r="T30" s="99"/>
      <c r="U30" s="100"/>
      <c r="V30" s="31" t="e">
        <f>IF(#REF!="","",#REF!)</f>
        <v>#REF!</v>
      </c>
      <c r="W30" s="99" t="e">
        <f>IF(#REF!="","",#REF!)</f>
        <v>#REF!</v>
      </c>
      <c r="X30" s="99"/>
      <c r="Y30" s="152"/>
      <c r="Z30" s="4"/>
    </row>
    <row r="31" spans="1:28" customFormat="1" ht="28.5" customHeight="1">
      <c r="A31" s="64" t="e">
        <f>IF(#REF!="","",#REF!)</f>
        <v>#REF!</v>
      </c>
      <c r="B31" s="147" t="e">
        <f>IF(#REF!="","",#REF!)</f>
        <v>#REF!</v>
      </c>
      <c r="C31" s="148"/>
      <c r="D31" s="93" t="e">
        <f>IF(#REF!="","",#REF!)</f>
        <v>#REF!</v>
      </c>
      <c r="E31" s="94"/>
      <c r="F31" s="153" t="e">
        <f>IF(#REF!="","",#REF!)</f>
        <v>#REF!</v>
      </c>
      <c r="G31" s="154"/>
      <c r="H31" s="36" t="e">
        <f>IF(#REF!="","",#REF!)</f>
        <v>#REF!</v>
      </c>
      <c r="I31" s="99" t="e">
        <f>IF(#REF!="","",#REF!)</f>
        <v>#REF!</v>
      </c>
      <c r="J31" s="100"/>
      <c r="K31" s="31" t="e">
        <f>IF(#REF!="","",#REF!)</f>
        <v>#REF!</v>
      </c>
      <c r="L31" s="99" t="e">
        <f>IF(#REF!="","",#REF!)</f>
        <v>#REF!</v>
      </c>
      <c r="M31" s="99"/>
      <c r="N31" s="100"/>
      <c r="O31" s="31" t="e">
        <f>IF(#REF!="","",#REF!)</f>
        <v>#REF!</v>
      </c>
      <c r="P31" s="99" t="e">
        <f>IF(#REF!="","",#REF!)</f>
        <v>#REF!</v>
      </c>
      <c r="Q31" s="100"/>
      <c r="R31" s="31" t="e">
        <f>IF(#REF!="","",#REF!)</f>
        <v>#REF!</v>
      </c>
      <c r="S31" s="99" t="e">
        <f>IF(#REF!="","",#REF!)</f>
        <v>#REF!</v>
      </c>
      <c r="T31" s="99"/>
      <c r="U31" s="100"/>
      <c r="V31" s="31" t="e">
        <f>IF(#REF!="","",#REF!)</f>
        <v>#REF!</v>
      </c>
      <c r="W31" s="99" t="e">
        <f>IF(#REF!="","",#REF!)</f>
        <v>#REF!</v>
      </c>
      <c r="X31" s="99"/>
      <c r="Y31" s="152"/>
      <c r="Z31" s="4"/>
    </row>
    <row r="32" spans="1:28" customFormat="1" ht="28.5" customHeight="1">
      <c r="A32" s="64" t="e">
        <f>IF(#REF!="","",#REF!)</f>
        <v>#REF!</v>
      </c>
      <c r="B32" s="147" t="e">
        <f>IF(#REF!="","",#REF!)</f>
        <v>#REF!</v>
      </c>
      <c r="C32" s="148"/>
      <c r="D32" s="93" t="e">
        <f>IF(#REF!="","",#REF!)</f>
        <v>#REF!</v>
      </c>
      <c r="E32" s="94"/>
      <c r="F32" s="153" t="e">
        <f>IF(#REF!="","",#REF!)</f>
        <v>#REF!</v>
      </c>
      <c r="G32" s="154"/>
      <c r="H32" s="36" t="e">
        <f>IF(#REF!="","",#REF!)</f>
        <v>#REF!</v>
      </c>
      <c r="I32" s="99" t="e">
        <f>IF(#REF!="","",#REF!)</f>
        <v>#REF!</v>
      </c>
      <c r="J32" s="100"/>
      <c r="K32" s="31" t="e">
        <f>IF(#REF!="","",#REF!)</f>
        <v>#REF!</v>
      </c>
      <c r="L32" s="99" t="e">
        <f>IF(#REF!="","",#REF!)</f>
        <v>#REF!</v>
      </c>
      <c r="M32" s="99"/>
      <c r="N32" s="100"/>
      <c r="O32" s="31" t="e">
        <f>IF(#REF!="","",#REF!)</f>
        <v>#REF!</v>
      </c>
      <c r="P32" s="99" t="e">
        <f>IF(#REF!="","",#REF!)</f>
        <v>#REF!</v>
      </c>
      <c r="Q32" s="100"/>
      <c r="R32" s="31" t="e">
        <f>IF(#REF!="","",#REF!)</f>
        <v>#REF!</v>
      </c>
      <c r="S32" s="99" t="e">
        <f>IF(#REF!="","",#REF!)</f>
        <v>#REF!</v>
      </c>
      <c r="T32" s="99"/>
      <c r="U32" s="100"/>
      <c r="V32" s="31" t="e">
        <f>IF(#REF!="","",#REF!)</f>
        <v>#REF!</v>
      </c>
      <c r="W32" s="99" t="e">
        <f>IF(#REF!="","",#REF!)</f>
        <v>#REF!</v>
      </c>
      <c r="X32" s="99"/>
      <c r="Y32" s="152"/>
      <c r="Z32" s="4"/>
    </row>
    <row r="33" spans="1:26" customFormat="1" ht="28.5" customHeight="1">
      <c r="A33" s="64" t="e">
        <f>IF(#REF!="","",#REF!)</f>
        <v>#REF!</v>
      </c>
      <c r="B33" s="147" t="e">
        <f>IF(#REF!="","",#REF!)</f>
        <v>#REF!</v>
      </c>
      <c r="C33" s="148"/>
      <c r="D33" s="93" t="e">
        <f>IF(#REF!="","",#REF!)</f>
        <v>#REF!</v>
      </c>
      <c r="E33" s="94"/>
      <c r="F33" s="153" t="e">
        <f>IF(#REF!="","",#REF!)</f>
        <v>#REF!</v>
      </c>
      <c r="G33" s="154"/>
      <c r="H33" s="36" t="e">
        <f>IF(#REF!="","",#REF!)</f>
        <v>#REF!</v>
      </c>
      <c r="I33" s="99" t="e">
        <f>IF(#REF!="","",#REF!)</f>
        <v>#REF!</v>
      </c>
      <c r="J33" s="100"/>
      <c r="K33" s="31" t="e">
        <f>IF(#REF!="","",#REF!)</f>
        <v>#REF!</v>
      </c>
      <c r="L33" s="99" t="e">
        <f>IF(#REF!="","",#REF!)</f>
        <v>#REF!</v>
      </c>
      <c r="M33" s="99"/>
      <c r="N33" s="100"/>
      <c r="O33" s="31" t="e">
        <f>IF(#REF!="","",#REF!)</f>
        <v>#REF!</v>
      </c>
      <c r="P33" s="99" t="e">
        <f>IF(#REF!="","",#REF!)</f>
        <v>#REF!</v>
      </c>
      <c r="Q33" s="100"/>
      <c r="R33" s="31" t="e">
        <f>IF(#REF!="","",#REF!)</f>
        <v>#REF!</v>
      </c>
      <c r="S33" s="99" t="e">
        <f>IF(#REF!="","",#REF!)</f>
        <v>#REF!</v>
      </c>
      <c r="T33" s="99"/>
      <c r="U33" s="100"/>
      <c r="V33" s="31" t="e">
        <f>IF(#REF!="","",#REF!)</f>
        <v>#REF!</v>
      </c>
      <c r="W33" s="99" t="e">
        <f>IF(#REF!="","",#REF!)</f>
        <v>#REF!</v>
      </c>
      <c r="X33" s="99"/>
      <c r="Y33" s="152"/>
      <c r="Z33" s="4"/>
    </row>
    <row r="34" spans="1:26" customFormat="1" ht="28.5" customHeight="1">
      <c r="A34" s="64" t="e">
        <f>IF(#REF!="","",#REF!)</f>
        <v>#REF!</v>
      </c>
      <c r="B34" s="147" t="e">
        <f>IF(#REF!="","",#REF!)</f>
        <v>#REF!</v>
      </c>
      <c r="C34" s="148"/>
      <c r="D34" s="93" t="e">
        <f>IF(#REF!="","",#REF!)</f>
        <v>#REF!</v>
      </c>
      <c r="E34" s="94"/>
      <c r="F34" s="153" t="e">
        <f>IF(#REF!="","",#REF!)</f>
        <v>#REF!</v>
      </c>
      <c r="G34" s="154"/>
      <c r="H34" s="36" t="e">
        <f>IF(#REF!="","",#REF!)</f>
        <v>#REF!</v>
      </c>
      <c r="I34" s="99" t="e">
        <f>IF(#REF!="","",#REF!)</f>
        <v>#REF!</v>
      </c>
      <c r="J34" s="100"/>
      <c r="K34" s="31" t="e">
        <f>IF(#REF!="","",#REF!)</f>
        <v>#REF!</v>
      </c>
      <c r="L34" s="99" t="e">
        <f>IF(#REF!="","",#REF!)</f>
        <v>#REF!</v>
      </c>
      <c r="M34" s="99"/>
      <c r="N34" s="100"/>
      <c r="O34" s="31" t="e">
        <f>IF(#REF!="","",#REF!)</f>
        <v>#REF!</v>
      </c>
      <c r="P34" s="99" t="e">
        <f>IF(#REF!="","",#REF!)</f>
        <v>#REF!</v>
      </c>
      <c r="Q34" s="100"/>
      <c r="R34" s="31" t="e">
        <f>IF(#REF!="","",#REF!)</f>
        <v>#REF!</v>
      </c>
      <c r="S34" s="99" t="e">
        <f>IF(#REF!="","",#REF!)</f>
        <v>#REF!</v>
      </c>
      <c r="T34" s="99"/>
      <c r="U34" s="100"/>
      <c r="V34" s="31" t="e">
        <f>IF(#REF!="","",#REF!)</f>
        <v>#REF!</v>
      </c>
      <c r="W34" s="99" t="e">
        <f>IF(#REF!="","",#REF!)</f>
        <v>#REF!</v>
      </c>
      <c r="X34" s="99"/>
      <c r="Y34" s="152"/>
      <c r="Z34" s="4"/>
    </row>
    <row r="35" spans="1:26" customFormat="1" ht="28.5" customHeight="1">
      <c r="A35" s="64" t="e">
        <f>IF(#REF!="","",#REF!)</f>
        <v>#REF!</v>
      </c>
      <c r="B35" s="147" t="e">
        <f>IF(#REF!="","",#REF!)</f>
        <v>#REF!</v>
      </c>
      <c r="C35" s="148"/>
      <c r="D35" s="93" t="e">
        <f>IF(#REF!="","",#REF!)</f>
        <v>#REF!</v>
      </c>
      <c r="E35" s="94"/>
      <c r="F35" s="153" t="e">
        <f>IF(#REF!="","",#REF!)</f>
        <v>#REF!</v>
      </c>
      <c r="G35" s="154"/>
      <c r="H35" s="36" t="e">
        <f>IF(#REF!="","",#REF!)</f>
        <v>#REF!</v>
      </c>
      <c r="I35" s="99" t="e">
        <f>IF(#REF!="","",#REF!)</f>
        <v>#REF!</v>
      </c>
      <c r="J35" s="100"/>
      <c r="K35" s="31" t="e">
        <f>IF(#REF!="","",#REF!)</f>
        <v>#REF!</v>
      </c>
      <c r="L35" s="99" t="e">
        <f>IF(#REF!="","",#REF!)</f>
        <v>#REF!</v>
      </c>
      <c r="M35" s="99"/>
      <c r="N35" s="100"/>
      <c r="O35" s="31" t="e">
        <f>IF(#REF!="","",#REF!)</f>
        <v>#REF!</v>
      </c>
      <c r="P35" s="99" t="e">
        <f>IF(#REF!="","",#REF!)</f>
        <v>#REF!</v>
      </c>
      <c r="Q35" s="100"/>
      <c r="R35" s="31" t="e">
        <f>IF(#REF!="","",#REF!)</f>
        <v>#REF!</v>
      </c>
      <c r="S35" s="99" t="e">
        <f>IF(#REF!="","",#REF!)</f>
        <v>#REF!</v>
      </c>
      <c r="T35" s="99"/>
      <c r="U35" s="100"/>
      <c r="V35" s="31" t="e">
        <f>IF(#REF!="","",#REF!)</f>
        <v>#REF!</v>
      </c>
      <c r="W35" s="99" t="e">
        <f>IF(#REF!="","",#REF!)</f>
        <v>#REF!</v>
      </c>
      <c r="X35" s="99"/>
      <c r="Y35" s="152"/>
      <c r="Z35" s="4"/>
    </row>
    <row r="36" spans="1:26" customFormat="1" ht="28.5" customHeight="1">
      <c r="A36" s="64" t="e">
        <f>IF(#REF!="","",#REF!)</f>
        <v>#REF!</v>
      </c>
      <c r="B36" s="147" t="e">
        <f>IF(#REF!="","",#REF!)</f>
        <v>#REF!</v>
      </c>
      <c r="C36" s="148"/>
      <c r="D36" s="93" t="e">
        <f>IF(#REF!="","",#REF!)</f>
        <v>#REF!</v>
      </c>
      <c r="E36" s="94"/>
      <c r="F36" s="153" t="e">
        <f>IF(#REF!="","",#REF!)</f>
        <v>#REF!</v>
      </c>
      <c r="G36" s="154"/>
      <c r="H36" s="36" t="e">
        <f>IF(#REF!="","",#REF!)</f>
        <v>#REF!</v>
      </c>
      <c r="I36" s="99" t="e">
        <f>IF(#REF!="","",#REF!)</f>
        <v>#REF!</v>
      </c>
      <c r="J36" s="100"/>
      <c r="K36" s="31" t="e">
        <f>IF(#REF!="","",#REF!)</f>
        <v>#REF!</v>
      </c>
      <c r="L36" s="99" t="e">
        <f>IF(#REF!="","",#REF!)</f>
        <v>#REF!</v>
      </c>
      <c r="M36" s="99"/>
      <c r="N36" s="100"/>
      <c r="O36" s="31" t="e">
        <f>IF(#REF!="","",#REF!)</f>
        <v>#REF!</v>
      </c>
      <c r="P36" s="99" t="e">
        <f>IF(#REF!="","",#REF!)</f>
        <v>#REF!</v>
      </c>
      <c r="Q36" s="100"/>
      <c r="R36" s="31" t="e">
        <f>IF(#REF!="","",#REF!)</f>
        <v>#REF!</v>
      </c>
      <c r="S36" s="99" t="e">
        <f>IF(#REF!="","",#REF!)</f>
        <v>#REF!</v>
      </c>
      <c r="T36" s="99"/>
      <c r="U36" s="100"/>
      <c r="V36" s="31" t="e">
        <f>IF(#REF!="","",#REF!)</f>
        <v>#REF!</v>
      </c>
      <c r="W36" s="99" t="e">
        <f>IF(#REF!="","",#REF!)</f>
        <v>#REF!</v>
      </c>
      <c r="X36" s="99"/>
      <c r="Y36" s="152"/>
      <c r="Z36" s="4"/>
    </row>
    <row r="37" spans="1:26" customFormat="1" ht="28.5" customHeight="1">
      <c r="A37" s="64" t="e">
        <f>IF(#REF!="","",#REF!)</f>
        <v>#REF!</v>
      </c>
      <c r="B37" s="147" t="e">
        <f>IF(#REF!="","",#REF!)</f>
        <v>#REF!</v>
      </c>
      <c r="C37" s="148"/>
      <c r="D37" s="93" t="e">
        <f>IF(#REF!="","",#REF!)</f>
        <v>#REF!</v>
      </c>
      <c r="E37" s="94"/>
      <c r="F37" s="153" t="e">
        <f>IF(#REF!="","",#REF!)</f>
        <v>#REF!</v>
      </c>
      <c r="G37" s="154"/>
      <c r="H37" s="36" t="e">
        <f>IF(#REF!="","",#REF!)</f>
        <v>#REF!</v>
      </c>
      <c r="I37" s="99" t="e">
        <f>IF(#REF!="","",#REF!)</f>
        <v>#REF!</v>
      </c>
      <c r="J37" s="100"/>
      <c r="K37" s="31" t="e">
        <f>IF(#REF!="","",#REF!)</f>
        <v>#REF!</v>
      </c>
      <c r="L37" s="99" t="e">
        <f>IF(#REF!="","",#REF!)</f>
        <v>#REF!</v>
      </c>
      <c r="M37" s="99"/>
      <c r="N37" s="100"/>
      <c r="O37" s="31" t="e">
        <f>IF(#REF!="","",#REF!)</f>
        <v>#REF!</v>
      </c>
      <c r="P37" s="99" t="e">
        <f>IF(#REF!="","",#REF!)</f>
        <v>#REF!</v>
      </c>
      <c r="Q37" s="100"/>
      <c r="R37" s="31" t="e">
        <f>IF(#REF!="","",#REF!)</f>
        <v>#REF!</v>
      </c>
      <c r="S37" s="99" t="e">
        <f>IF(#REF!="","",#REF!)</f>
        <v>#REF!</v>
      </c>
      <c r="T37" s="99"/>
      <c r="U37" s="100"/>
      <c r="V37" s="31" t="e">
        <f>IF(#REF!="","",#REF!)</f>
        <v>#REF!</v>
      </c>
      <c r="W37" s="99" t="e">
        <f>IF(#REF!="","",#REF!)</f>
        <v>#REF!</v>
      </c>
      <c r="X37" s="99"/>
      <c r="Y37" s="152"/>
      <c r="Z37" s="4"/>
    </row>
    <row r="38" spans="1:26" customFormat="1" ht="28.5" customHeight="1">
      <c r="A38" s="64" t="e">
        <f>IF(#REF!="","",#REF!)</f>
        <v>#REF!</v>
      </c>
      <c r="B38" s="147" t="e">
        <f>IF(#REF!="","",#REF!)</f>
        <v>#REF!</v>
      </c>
      <c r="C38" s="148"/>
      <c r="D38" s="93" t="e">
        <f>IF(#REF!="","",#REF!)</f>
        <v>#REF!</v>
      </c>
      <c r="E38" s="94"/>
      <c r="F38" s="153" t="e">
        <f>IF(#REF!="","",#REF!)</f>
        <v>#REF!</v>
      </c>
      <c r="G38" s="154"/>
      <c r="H38" s="36" t="e">
        <f>IF(#REF!="","",#REF!)</f>
        <v>#REF!</v>
      </c>
      <c r="I38" s="99" t="e">
        <f>IF(#REF!="","",#REF!)</f>
        <v>#REF!</v>
      </c>
      <c r="J38" s="100"/>
      <c r="K38" s="31" t="e">
        <f>IF(#REF!="","",#REF!)</f>
        <v>#REF!</v>
      </c>
      <c r="L38" s="99" t="e">
        <f>IF(#REF!="","",#REF!)</f>
        <v>#REF!</v>
      </c>
      <c r="M38" s="99"/>
      <c r="N38" s="100"/>
      <c r="O38" s="31" t="e">
        <f>IF(#REF!="","",#REF!)</f>
        <v>#REF!</v>
      </c>
      <c r="P38" s="99" t="e">
        <f>IF(#REF!="","",#REF!)</f>
        <v>#REF!</v>
      </c>
      <c r="Q38" s="100"/>
      <c r="R38" s="31" t="e">
        <f>IF(#REF!="","",#REF!)</f>
        <v>#REF!</v>
      </c>
      <c r="S38" s="99" t="e">
        <f>IF(#REF!="","",#REF!)</f>
        <v>#REF!</v>
      </c>
      <c r="T38" s="99"/>
      <c r="U38" s="100"/>
      <c r="V38" s="31" t="e">
        <f>IF(#REF!="","",#REF!)</f>
        <v>#REF!</v>
      </c>
      <c r="W38" s="99" t="e">
        <f>IF(#REF!="","",#REF!)</f>
        <v>#REF!</v>
      </c>
      <c r="X38" s="99"/>
      <c r="Y38" s="152"/>
      <c r="Z38" s="4"/>
    </row>
    <row r="39" spans="1:26" customFormat="1" ht="28.5" customHeight="1">
      <c r="A39" s="64" t="e">
        <f>IF(#REF!="","",#REF!)</f>
        <v>#REF!</v>
      </c>
      <c r="B39" s="147" t="e">
        <f>IF(#REF!="","",#REF!)</f>
        <v>#REF!</v>
      </c>
      <c r="C39" s="148"/>
      <c r="D39" s="93" t="e">
        <f>IF(#REF!="","",#REF!)</f>
        <v>#REF!</v>
      </c>
      <c r="E39" s="94"/>
      <c r="F39" s="153" t="e">
        <f>IF(#REF!="","",#REF!)</f>
        <v>#REF!</v>
      </c>
      <c r="G39" s="154"/>
      <c r="H39" s="36" t="e">
        <f>IF(#REF!="","",#REF!)</f>
        <v>#REF!</v>
      </c>
      <c r="I39" s="99" t="e">
        <f>IF(#REF!="","",#REF!)</f>
        <v>#REF!</v>
      </c>
      <c r="J39" s="100"/>
      <c r="K39" s="31" t="e">
        <f>IF(#REF!="","",#REF!)</f>
        <v>#REF!</v>
      </c>
      <c r="L39" s="99" t="e">
        <f>IF(#REF!="","",#REF!)</f>
        <v>#REF!</v>
      </c>
      <c r="M39" s="99"/>
      <c r="N39" s="100"/>
      <c r="O39" s="31" t="e">
        <f>IF(#REF!="","",#REF!)</f>
        <v>#REF!</v>
      </c>
      <c r="P39" s="99" t="e">
        <f>IF(#REF!="","",#REF!)</f>
        <v>#REF!</v>
      </c>
      <c r="Q39" s="100"/>
      <c r="R39" s="31" t="e">
        <f>IF(#REF!="","",#REF!)</f>
        <v>#REF!</v>
      </c>
      <c r="S39" s="99" t="e">
        <f>IF(#REF!="","",#REF!)</f>
        <v>#REF!</v>
      </c>
      <c r="T39" s="99"/>
      <c r="U39" s="100"/>
      <c r="V39" s="31" t="e">
        <f>IF(#REF!="","",#REF!)</f>
        <v>#REF!</v>
      </c>
      <c r="W39" s="99" t="e">
        <f>IF(#REF!="","",#REF!)</f>
        <v>#REF!</v>
      </c>
      <c r="X39" s="99"/>
      <c r="Y39" s="152"/>
      <c r="Z39" s="4"/>
    </row>
    <row r="40" spans="1:26" customFormat="1" ht="28.5" customHeight="1">
      <c r="A40" s="64" t="e">
        <f>IF(#REF!="","",#REF!)</f>
        <v>#REF!</v>
      </c>
      <c r="B40" s="147" t="e">
        <f>IF(#REF!="","",#REF!)</f>
        <v>#REF!</v>
      </c>
      <c r="C40" s="148"/>
      <c r="D40" s="93" t="e">
        <f>IF(#REF!="","",#REF!)</f>
        <v>#REF!</v>
      </c>
      <c r="E40" s="94"/>
      <c r="F40" s="153" t="e">
        <f>IF(#REF!="","",#REF!)</f>
        <v>#REF!</v>
      </c>
      <c r="G40" s="154"/>
      <c r="H40" s="36" t="e">
        <f>IF(#REF!="","",#REF!)</f>
        <v>#REF!</v>
      </c>
      <c r="I40" s="99" t="e">
        <f>IF(#REF!="","",#REF!)</f>
        <v>#REF!</v>
      </c>
      <c r="J40" s="100"/>
      <c r="K40" s="31" t="e">
        <f>IF(#REF!="","",#REF!)</f>
        <v>#REF!</v>
      </c>
      <c r="L40" s="99" t="e">
        <f>IF(#REF!="","",#REF!)</f>
        <v>#REF!</v>
      </c>
      <c r="M40" s="99"/>
      <c r="N40" s="100"/>
      <c r="O40" s="31" t="e">
        <f>IF(#REF!="","",#REF!)</f>
        <v>#REF!</v>
      </c>
      <c r="P40" s="99" t="e">
        <f>IF(#REF!="","",#REF!)</f>
        <v>#REF!</v>
      </c>
      <c r="Q40" s="100"/>
      <c r="R40" s="31" t="e">
        <f>IF(#REF!="","",#REF!)</f>
        <v>#REF!</v>
      </c>
      <c r="S40" s="99" t="e">
        <f>IF(#REF!="","",#REF!)</f>
        <v>#REF!</v>
      </c>
      <c r="T40" s="99"/>
      <c r="U40" s="100"/>
      <c r="V40" s="31" t="e">
        <f>IF(#REF!="","",#REF!)</f>
        <v>#REF!</v>
      </c>
      <c r="W40" s="99" t="e">
        <f>IF(#REF!="","",#REF!)</f>
        <v>#REF!</v>
      </c>
      <c r="X40" s="99"/>
      <c r="Y40" s="152"/>
      <c r="Z40" s="4"/>
    </row>
    <row r="41" spans="1:26" customFormat="1" ht="28.5" customHeight="1">
      <c r="A41" s="64" t="e">
        <f>IF(#REF!="","",#REF!)</f>
        <v>#REF!</v>
      </c>
      <c r="B41" s="147" t="e">
        <f>IF(#REF!="","",#REF!)</f>
        <v>#REF!</v>
      </c>
      <c r="C41" s="148"/>
      <c r="D41" s="93" t="e">
        <f>IF(#REF!="","",#REF!)</f>
        <v>#REF!</v>
      </c>
      <c r="E41" s="94"/>
      <c r="F41" s="153" t="e">
        <f>IF(#REF!="","",#REF!)</f>
        <v>#REF!</v>
      </c>
      <c r="G41" s="154"/>
      <c r="H41" s="36" t="e">
        <f>IF(#REF!="","",#REF!)</f>
        <v>#REF!</v>
      </c>
      <c r="I41" s="99" t="e">
        <f>IF(#REF!="","",#REF!)</f>
        <v>#REF!</v>
      </c>
      <c r="J41" s="100"/>
      <c r="K41" s="31" t="e">
        <f>IF(#REF!="","",#REF!)</f>
        <v>#REF!</v>
      </c>
      <c r="L41" s="99" t="e">
        <f>IF(#REF!="","",#REF!)</f>
        <v>#REF!</v>
      </c>
      <c r="M41" s="99"/>
      <c r="N41" s="100"/>
      <c r="O41" s="31" t="e">
        <f>IF(#REF!="","",#REF!)</f>
        <v>#REF!</v>
      </c>
      <c r="P41" s="99" t="e">
        <f>IF(#REF!="","",#REF!)</f>
        <v>#REF!</v>
      </c>
      <c r="Q41" s="100"/>
      <c r="R41" s="31" t="e">
        <f>IF(#REF!="","",#REF!)</f>
        <v>#REF!</v>
      </c>
      <c r="S41" s="99" t="e">
        <f>IF(#REF!="","",#REF!)</f>
        <v>#REF!</v>
      </c>
      <c r="T41" s="99"/>
      <c r="U41" s="100"/>
      <c r="V41" s="31" t="e">
        <f>IF(#REF!="","",#REF!)</f>
        <v>#REF!</v>
      </c>
      <c r="W41" s="99" t="e">
        <f>IF(#REF!="","",#REF!)</f>
        <v>#REF!</v>
      </c>
      <c r="X41" s="99"/>
      <c r="Y41" s="152"/>
      <c r="Z41" s="4"/>
    </row>
    <row r="42" spans="1:26" customFormat="1" ht="28.5" customHeight="1">
      <c r="A42" s="64" t="e">
        <f>IF(#REF!="","",#REF!)</f>
        <v>#REF!</v>
      </c>
      <c r="B42" s="147" t="e">
        <f>IF(#REF!="","",#REF!)</f>
        <v>#REF!</v>
      </c>
      <c r="C42" s="148"/>
      <c r="D42" s="93" t="e">
        <f>IF(#REF!="","",#REF!)</f>
        <v>#REF!</v>
      </c>
      <c r="E42" s="94"/>
      <c r="F42" s="153" t="e">
        <f>IF(#REF!="","",#REF!)</f>
        <v>#REF!</v>
      </c>
      <c r="G42" s="154"/>
      <c r="H42" s="36" t="e">
        <f>IF(#REF!="","",#REF!)</f>
        <v>#REF!</v>
      </c>
      <c r="I42" s="99" t="e">
        <f>IF(#REF!="","",#REF!)</f>
        <v>#REF!</v>
      </c>
      <c r="J42" s="100"/>
      <c r="K42" s="31" t="e">
        <f>IF(#REF!="","",#REF!)</f>
        <v>#REF!</v>
      </c>
      <c r="L42" s="99" t="e">
        <f>IF(#REF!="","",#REF!)</f>
        <v>#REF!</v>
      </c>
      <c r="M42" s="99"/>
      <c r="N42" s="100"/>
      <c r="O42" s="31" t="e">
        <f>IF(#REF!="","",#REF!)</f>
        <v>#REF!</v>
      </c>
      <c r="P42" s="99" t="e">
        <f>IF(#REF!="","",#REF!)</f>
        <v>#REF!</v>
      </c>
      <c r="Q42" s="100"/>
      <c r="R42" s="31" t="e">
        <f>IF(#REF!="","",#REF!)</f>
        <v>#REF!</v>
      </c>
      <c r="S42" s="99" t="e">
        <f>IF(#REF!="","",#REF!)</f>
        <v>#REF!</v>
      </c>
      <c r="T42" s="99"/>
      <c r="U42" s="100"/>
      <c r="V42" s="31" t="e">
        <f>IF(#REF!="","",#REF!)</f>
        <v>#REF!</v>
      </c>
      <c r="W42" s="99" t="e">
        <f>IF(#REF!="","",#REF!)</f>
        <v>#REF!</v>
      </c>
      <c r="X42" s="99"/>
      <c r="Y42" s="152"/>
      <c r="Z42" s="4"/>
    </row>
    <row r="43" spans="1:26" customFormat="1" ht="28.5" customHeight="1">
      <c r="A43" s="64" t="e">
        <f>IF(#REF!="","",#REF!)</f>
        <v>#REF!</v>
      </c>
      <c r="B43" s="147" t="e">
        <f>IF(#REF!="","",#REF!)</f>
        <v>#REF!</v>
      </c>
      <c r="C43" s="148"/>
      <c r="D43" s="93" t="e">
        <f>IF(#REF!="","",#REF!)</f>
        <v>#REF!</v>
      </c>
      <c r="E43" s="94"/>
      <c r="F43" s="153" t="e">
        <f>IF(#REF!="","",#REF!)</f>
        <v>#REF!</v>
      </c>
      <c r="G43" s="154"/>
      <c r="H43" s="36" t="e">
        <f>IF(#REF!="","",#REF!)</f>
        <v>#REF!</v>
      </c>
      <c r="I43" s="99" t="e">
        <f>IF(#REF!="","",#REF!)</f>
        <v>#REF!</v>
      </c>
      <c r="J43" s="100"/>
      <c r="K43" s="31" t="e">
        <f>IF(#REF!="","",#REF!)</f>
        <v>#REF!</v>
      </c>
      <c r="L43" s="99" t="e">
        <f>IF(#REF!="","",#REF!)</f>
        <v>#REF!</v>
      </c>
      <c r="M43" s="99"/>
      <c r="N43" s="100"/>
      <c r="O43" s="31" t="e">
        <f>IF(#REF!="","",#REF!)</f>
        <v>#REF!</v>
      </c>
      <c r="P43" s="99" t="e">
        <f>IF(#REF!="","",#REF!)</f>
        <v>#REF!</v>
      </c>
      <c r="Q43" s="100"/>
      <c r="R43" s="31" t="e">
        <f>IF(#REF!="","",#REF!)</f>
        <v>#REF!</v>
      </c>
      <c r="S43" s="99" t="e">
        <f>IF(#REF!="","",#REF!)</f>
        <v>#REF!</v>
      </c>
      <c r="T43" s="99"/>
      <c r="U43" s="100"/>
      <c r="V43" s="31" t="e">
        <f>IF(#REF!="","",#REF!)</f>
        <v>#REF!</v>
      </c>
      <c r="W43" s="99" t="e">
        <f>IF(#REF!="","",#REF!)</f>
        <v>#REF!</v>
      </c>
      <c r="X43" s="99"/>
      <c r="Y43" s="152"/>
      <c r="Z43" s="4"/>
    </row>
    <row r="44" spans="1:26" customFormat="1" ht="28.5" customHeight="1">
      <c r="A44" s="64" t="e">
        <f>IF(#REF!="","",#REF!)</f>
        <v>#REF!</v>
      </c>
      <c r="B44" s="147" t="e">
        <f>IF(#REF!="","",#REF!)</f>
        <v>#REF!</v>
      </c>
      <c r="C44" s="148"/>
      <c r="D44" s="111" t="e">
        <f>IF(#REF!="","",#REF!)</f>
        <v>#REF!</v>
      </c>
      <c r="E44" s="112"/>
      <c r="F44" s="149" t="e">
        <f>IF(#REF!="","",#REF!)</f>
        <v>#REF!</v>
      </c>
      <c r="G44" s="150"/>
      <c r="H44" s="45" t="e">
        <f>IF(#REF!="","",#REF!)</f>
        <v>#REF!</v>
      </c>
      <c r="I44" s="117" t="e">
        <f>IF(#REF!="","",#REF!)</f>
        <v>#REF!</v>
      </c>
      <c r="J44" s="118"/>
      <c r="K44" s="46" t="e">
        <f>IF(#REF!="","",#REF!)</f>
        <v>#REF!</v>
      </c>
      <c r="L44" s="117" t="e">
        <f>IF(#REF!="","",#REF!)</f>
        <v>#REF!</v>
      </c>
      <c r="M44" s="117"/>
      <c r="N44" s="118"/>
      <c r="O44" s="46" t="e">
        <f>IF(#REF!="","",#REF!)</f>
        <v>#REF!</v>
      </c>
      <c r="P44" s="117" t="e">
        <f>IF(#REF!="","",#REF!)</f>
        <v>#REF!</v>
      </c>
      <c r="Q44" s="118"/>
      <c r="R44" s="46" t="e">
        <f>IF(#REF!="","",#REF!)</f>
        <v>#REF!</v>
      </c>
      <c r="S44" s="117" t="e">
        <f>IF(#REF!="","",#REF!)</f>
        <v>#REF!</v>
      </c>
      <c r="T44" s="117"/>
      <c r="U44" s="118"/>
      <c r="V44" s="46" t="e">
        <f>IF(#REF!="","",#REF!)</f>
        <v>#REF!</v>
      </c>
      <c r="W44" s="117" t="e">
        <f>IF(#REF!="","",#REF!)</f>
        <v>#REF!</v>
      </c>
      <c r="X44" s="117"/>
      <c r="Y44" s="146"/>
      <c r="Z44" s="4"/>
    </row>
    <row r="45" spans="1:26" s="6" customFormat="1" ht="28.5" customHeight="1">
      <c r="A45" s="122" t="s">
        <v>4</v>
      </c>
      <c r="B45" s="123"/>
      <c r="C45" s="123"/>
      <c r="D45" s="123"/>
      <c r="E45" s="123"/>
      <c r="F45" s="123"/>
      <c r="G45" s="123"/>
      <c r="H45" s="66" t="e">
        <f>IF(#REF!="","",#REF!)</f>
        <v>#REF!</v>
      </c>
      <c r="I45" s="119" t="e">
        <f>IF(#REF!="","",#REF!)</f>
        <v>#REF!</v>
      </c>
      <c r="J45" s="120"/>
      <c r="K45" s="61" t="e">
        <f>IF(#REF!="","",#REF!)</f>
        <v>#REF!</v>
      </c>
      <c r="L45" s="119" t="e">
        <f>IF(#REF!="","",#REF!)</f>
        <v>#REF!</v>
      </c>
      <c r="M45" s="119"/>
      <c r="N45" s="120"/>
      <c r="O45" s="61" t="e">
        <f>IF(#REF!="","",#REF!)</f>
        <v>#REF!</v>
      </c>
      <c r="P45" s="119" t="e">
        <f>IF(#REF!="","",#REF!)</f>
        <v>#REF!</v>
      </c>
      <c r="Q45" s="120"/>
      <c r="R45" s="61" t="e">
        <f>IF(#REF!="","",#REF!)</f>
        <v>#REF!</v>
      </c>
      <c r="S45" s="119" t="e">
        <f>IF(#REF!="","",#REF!)</f>
        <v>#REF!</v>
      </c>
      <c r="T45" s="119"/>
      <c r="U45" s="120"/>
      <c r="V45" s="61" t="e">
        <f>IF(#REF!="","",#REF!)</f>
        <v>#REF!</v>
      </c>
      <c r="W45" s="119" t="e">
        <f>IF(#REF!="","",#REF!)</f>
        <v>#REF!</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e">
        <f>IF(#REF!="","",#REF!)</f>
        <v>#REF!</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e">
        <f>IF(#REF!="","",#REF!)</f>
        <v>#REF!</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topLeftCell="A23" zoomScale="85" zoomScaleNormal="100" zoomScaleSheetLayoutView="8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97</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453</v>
      </c>
      <c r="C6" s="93" t="s">
        <v>1</v>
      </c>
      <c r="D6" s="94"/>
      <c r="E6" s="95" t="s">
        <v>1</v>
      </c>
      <c r="F6" s="96"/>
      <c r="G6" s="97" t="s">
        <v>98</v>
      </c>
      <c r="H6" s="97"/>
      <c r="I6" s="97"/>
      <c r="J6" s="90" t="s">
        <v>99</v>
      </c>
      <c r="K6" s="90"/>
      <c r="L6" s="90"/>
      <c r="M6" s="53" t="s">
        <v>1</v>
      </c>
      <c r="N6" s="91" t="s">
        <v>100</v>
      </c>
      <c r="O6" s="91"/>
      <c r="P6" s="92"/>
      <c r="Q6" s="90" t="s">
        <v>101</v>
      </c>
      <c r="R6" s="90"/>
      <c r="S6" s="90"/>
      <c r="T6" s="54"/>
      <c r="U6" s="91" t="s">
        <v>102</v>
      </c>
      <c r="V6" s="91"/>
      <c r="W6" s="92"/>
      <c r="X6" s="55" t="s">
        <v>44</v>
      </c>
      <c r="Y6" s="56" t="s">
        <v>103</v>
      </c>
      <c r="Z6" s="20"/>
      <c r="AA6" s="14"/>
      <c r="AB6" s="20"/>
    </row>
    <row r="7" spans="1:28" customFormat="1" ht="29.1" customHeight="1">
      <c r="A7" s="63" t="s">
        <v>1</v>
      </c>
      <c r="B7" s="51" t="s">
        <v>1</v>
      </c>
      <c r="C7" s="93" t="s">
        <v>26</v>
      </c>
      <c r="D7" s="94"/>
      <c r="E7" s="101" t="s">
        <v>104</v>
      </c>
      <c r="F7" s="102"/>
      <c r="G7" s="103" t="s">
        <v>105</v>
      </c>
      <c r="H7" s="103"/>
      <c r="I7" s="103"/>
      <c r="J7" s="98" t="s">
        <v>106</v>
      </c>
      <c r="K7" s="98"/>
      <c r="L7" s="98"/>
      <c r="M7" s="57" t="s">
        <v>1</v>
      </c>
      <c r="N7" s="99" t="s">
        <v>107</v>
      </c>
      <c r="O7" s="99"/>
      <c r="P7" s="100"/>
      <c r="Q7" s="98" t="s">
        <v>101</v>
      </c>
      <c r="R7" s="98"/>
      <c r="S7" s="98"/>
      <c r="T7" s="58"/>
      <c r="U7" s="99" t="s">
        <v>108</v>
      </c>
      <c r="V7" s="99"/>
      <c r="W7" s="100"/>
      <c r="X7" s="31" t="s">
        <v>1</v>
      </c>
      <c r="Y7" s="52" t="s">
        <v>109</v>
      </c>
      <c r="Z7" s="20"/>
      <c r="AA7" s="20"/>
      <c r="AB7" s="20"/>
    </row>
    <row r="8" spans="1:28" customFormat="1" ht="29.1" customHeight="1">
      <c r="A8" s="63" t="s">
        <v>1</v>
      </c>
      <c r="B8" s="51" t="s">
        <v>1</v>
      </c>
      <c r="C8" s="93" t="s">
        <v>40</v>
      </c>
      <c r="D8" s="94"/>
      <c r="E8" s="166" t="s">
        <v>463</v>
      </c>
      <c r="F8" s="102"/>
      <c r="G8" s="103" t="s">
        <v>110</v>
      </c>
      <c r="H8" s="103"/>
      <c r="I8" s="103"/>
      <c r="J8" s="98" t="s">
        <v>111</v>
      </c>
      <c r="K8" s="98"/>
      <c r="L8" s="98"/>
      <c r="M8" s="57" t="s">
        <v>1</v>
      </c>
      <c r="N8" s="99" t="s">
        <v>111</v>
      </c>
      <c r="O8" s="99"/>
      <c r="P8" s="100"/>
      <c r="Q8" s="98" t="s">
        <v>31</v>
      </c>
      <c r="R8" s="98"/>
      <c r="S8" s="98"/>
      <c r="T8" s="58"/>
      <c r="U8" s="99" t="s">
        <v>31</v>
      </c>
      <c r="V8" s="99"/>
      <c r="W8" s="100"/>
      <c r="X8" s="31" t="s">
        <v>1</v>
      </c>
      <c r="Y8" s="52" t="s">
        <v>112</v>
      </c>
      <c r="Z8" s="20"/>
      <c r="AA8" s="20"/>
      <c r="AB8" s="20"/>
    </row>
    <row r="9" spans="1:28" customFormat="1" ht="29.1" customHeight="1">
      <c r="A9" s="63" t="s">
        <v>1</v>
      </c>
      <c r="B9" s="51" t="s">
        <v>1</v>
      </c>
      <c r="C9" s="93" t="s">
        <v>46</v>
      </c>
      <c r="D9" s="94"/>
      <c r="E9" s="166" t="s">
        <v>454</v>
      </c>
      <c r="F9" s="102"/>
      <c r="G9" s="103" t="s">
        <v>113</v>
      </c>
      <c r="H9" s="103"/>
      <c r="I9" s="103"/>
      <c r="J9" s="98" t="s">
        <v>114</v>
      </c>
      <c r="K9" s="98"/>
      <c r="L9" s="98"/>
      <c r="M9" s="57" t="s">
        <v>1</v>
      </c>
      <c r="N9" s="99" t="s">
        <v>115</v>
      </c>
      <c r="O9" s="99"/>
      <c r="P9" s="100"/>
      <c r="Q9" s="98" t="s">
        <v>31</v>
      </c>
      <c r="R9" s="98"/>
      <c r="S9" s="98"/>
      <c r="T9" s="58"/>
      <c r="U9" s="99" t="s">
        <v>116</v>
      </c>
      <c r="V9" s="99"/>
      <c r="W9" s="100"/>
      <c r="X9" s="31" t="s">
        <v>1</v>
      </c>
      <c r="Y9" s="52" t="s">
        <v>117</v>
      </c>
      <c r="Z9" s="20"/>
      <c r="AA9" s="20"/>
      <c r="AB9" s="20"/>
    </row>
    <row r="10" spans="1:28" customFormat="1" ht="29.1" customHeight="1">
      <c r="A10" s="63" t="s">
        <v>1</v>
      </c>
      <c r="B10" s="51" t="s">
        <v>1</v>
      </c>
      <c r="C10" s="93" t="s">
        <v>51</v>
      </c>
      <c r="D10" s="94"/>
      <c r="E10" s="101" t="s">
        <v>64</v>
      </c>
      <c r="F10" s="102"/>
      <c r="G10" s="103" t="s">
        <v>118</v>
      </c>
      <c r="H10" s="103"/>
      <c r="I10" s="103"/>
      <c r="J10" s="98" t="s">
        <v>119</v>
      </c>
      <c r="K10" s="98"/>
      <c r="L10" s="98"/>
      <c r="M10" s="57" t="s">
        <v>1</v>
      </c>
      <c r="N10" s="99" t="s">
        <v>119</v>
      </c>
      <c r="O10" s="99"/>
      <c r="P10" s="100"/>
      <c r="Q10" s="98" t="s">
        <v>31</v>
      </c>
      <c r="R10" s="98"/>
      <c r="S10" s="98"/>
      <c r="T10" s="58"/>
      <c r="U10" s="99" t="s">
        <v>31</v>
      </c>
      <c r="V10" s="99"/>
      <c r="W10" s="100"/>
      <c r="X10" s="31" t="s">
        <v>44</v>
      </c>
      <c r="Y10" s="52" t="s">
        <v>120</v>
      </c>
      <c r="Z10" s="20"/>
      <c r="AA10" s="20"/>
      <c r="AB10" s="20"/>
    </row>
    <row r="11" spans="1:28" customFormat="1" ht="29.1" customHeight="1">
      <c r="A11" s="63" t="s">
        <v>1</v>
      </c>
      <c r="B11" s="51" t="s">
        <v>1</v>
      </c>
      <c r="C11" s="93" t="s">
        <v>58</v>
      </c>
      <c r="D11" s="94"/>
      <c r="E11" s="101" t="s">
        <v>121</v>
      </c>
      <c r="F11" s="102"/>
      <c r="G11" s="103" t="s">
        <v>122</v>
      </c>
      <c r="H11" s="103"/>
      <c r="I11" s="103"/>
      <c r="J11" s="98" t="s">
        <v>123</v>
      </c>
      <c r="K11" s="98"/>
      <c r="L11" s="98"/>
      <c r="M11" s="57" t="s">
        <v>1</v>
      </c>
      <c r="N11" s="99" t="s">
        <v>124</v>
      </c>
      <c r="O11" s="99"/>
      <c r="P11" s="100"/>
      <c r="Q11" s="98" t="s">
        <v>31</v>
      </c>
      <c r="R11" s="98"/>
      <c r="S11" s="98"/>
      <c r="T11" s="58"/>
      <c r="U11" s="99" t="s">
        <v>125</v>
      </c>
      <c r="V11" s="99"/>
      <c r="W11" s="100"/>
      <c r="X11" s="31" t="s">
        <v>1</v>
      </c>
      <c r="Y11" s="52" t="s">
        <v>126</v>
      </c>
      <c r="Z11" s="20"/>
      <c r="AA11" s="20"/>
      <c r="AB11" s="20"/>
    </row>
    <row r="12" spans="1:28" customFormat="1" ht="29.1" customHeight="1">
      <c r="A12" s="63" t="s">
        <v>1</v>
      </c>
      <c r="B12" s="51" t="s">
        <v>1</v>
      </c>
      <c r="C12" s="93" t="s">
        <v>63</v>
      </c>
      <c r="D12" s="94"/>
      <c r="E12" s="101" t="s">
        <v>41</v>
      </c>
      <c r="F12" s="102"/>
      <c r="G12" s="103" t="s">
        <v>127</v>
      </c>
      <c r="H12" s="103"/>
      <c r="I12" s="103"/>
      <c r="J12" s="98" t="s">
        <v>127</v>
      </c>
      <c r="K12" s="98"/>
      <c r="L12" s="98"/>
      <c r="M12" s="57" t="s">
        <v>1</v>
      </c>
      <c r="N12" s="99" t="s">
        <v>127</v>
      </c>
      <c r="O12" s="99"/>
      <c r="P12" s="100"/>
      <c r="Q12" s="98" t="s">
        <v>31</v>
      </c>
      <c r="R12" s="98"/>
      <c r="S12" s="98"/>
      <c r="T12" s="58"/>
      <c r="U12" s="99" t="s">
        <v>31</v>
      </c>
      <c r="V12" s="99"/>
      <c r="W12" s="100"/>
      <c r="X12" s="31" t="s">
        <v>1</v>
      </c>
      <c r="Y12" s="52" t="s">
        <v>31</v>
      </c>
      <c r="Z12" s="20"/>
      <c r="AA12" s="20"/>
      <c r="AB12" s="20"/>
    </row>
    <row r="13" spans="1:28" customFormat="1" ht="29.1" customHeight="1">
      <c r="A13" s="63" t="s">
        <v>1</v>
      </c>
      <c r="B13" s="51" t="s">
        <v>1</v>
      </c>
      <c r="C13" s="93" t="s">
        <v>128</v>
      </c>
      <c r="D13" s="94"/>
      <c r="E13" s="101" t="s">
        <v>47</v>
      </c>
      <c r="F13" s="102"/>
      <c r="G13" s="103" t="s">
        <v>129</v>
      </c>
      <c r="H13" s="103"/>
      <c r="I13" s="103"/>
      <c r="J13" s="98" t="s">
        <v>130</v>
      </c>
      <c r="K13" s="98"/>
      <c r="L13" s="98"/>
      <c r="M13" s="57" t="s">
        <v>1</v>
      </c>
      <c r="N13" s="99" t="s">
        <v>130</v>
      </c>
      <c r="O13" s="99"/>
      <c r="P13" s="100"/>
      <c r="Q13" s="98" t="s">
        <v>31</v>
      </c>
      <c r="R13" s="98"/>
      <c r="S13" s="98"/>
      <c r="T13" s="58"/>
      <c r="U13" s="99" t="s">
        <v>31</v>
      </c>
      <c r="V13" s="99"/>
      <c r="W13" s="100"/>
      <c r="X13" s="31" t="s">
        <v>1</v>
      </c>
      <c r="Y13" s="52" t="s">
        <v>131</v>
      </c>
      <c r="Z13" s="20"/>
      <c r="AA13" s="20"/>
      <c r="AB13" s="20"/>
    </row>
    <row r="14" spans="1:28" customFormat="1" ht="29.1" customHeight="1">
      <c r="A14" s="63" t="s">
        <v>1</v>
      </c>
      <c r="B14" s="51" t="s">
        <v>1</v>
      </c>
      <c r="C14" s="93" t="s">
        <v>132</v>
      </c>
      <c r="D14" s="94"/>
      <c r="E14" s="101" t="s">
        <v>52</v>
      </c>
      <c r="F14" s="102"/>
      <c r="G14" s="103" t="s">
        <v>133</v>
      </c>
      <c r="H14" s="103"/>
      <c r="I14" s="103"/>
      <c r="J14" s="98" t="s">
        <v>134</v>
      </c>
      <c r="K14" s="98"/>
      <c r="L14" s="98"/>
      <c r="M14" s="57" t="s">
        <v>1</v>
      </c>
      <c r="N14" s="99" t="s">
        <v>135</v>
      </c>
      <c r="O14" s="99"/>
      <c r="P14" s="100"/>
      <c r="Q14" s="98" t="s">
        <v>31</v>
      </c>
      <c r="R14" s="98"/>
      <c r="S14" s="98"/>
      <c r="T14" s="58"/>
      <c r="U14" s="99" t="s">
        <v>136</v>
      </c>
      <c r="V14" s="99"/>
      <c r="W14" s="100"/>
      <c r="X14" s="31" t="s">
        <v>1</v>
      </c>
      <c r="Y14" s="52" t="s">
        <v>137</v>
      </c>
      <c r="Z14" s="20"/>
      <c r="AA14" s="20"/>
      <c r="AB14" s="20"/>
    </row>
    <row r="15" spans="1:28" customFormat="1" ht="29.1" customHeight="1">
      <c r="A15" s="63" t="s">
        <v>1</v>
      </c>
      <c r="B15" s="51" t="s">
        <v>1</v>
      </c>
      <c r="C15" s="93" t="s">
        <v>138</v>
      </c>
      <c r="D15" s="94"/>
      <c r="E15" s="101" t="s">
        <v>59</v>
      </c>
      <c r="F15" s="102"/>
      <c r="G15" s="103" t="s">
        <v>139</v>
      </c>
      <c r="H15" s="103"/>
      <c r="I15" s="103"/>
      <c r="J15" s="98" t="s">
        <v>140</v>
      </c>
      <c r="K15" s="98"/>
      <c r="L15" s="98"/>
      <c r="M15" s="57" t="s">
        <v>1</v>
      </c>
      <c r="N15" s="99" t="s">
        <v>140</v>
      </c>
      <c r="O15" s="99"/>
      <c r="P15" s="100"/>
      <c r="Q15" s="98" t="s">
        <v>31</v>
      </c>
      <c r="R15" s="98"/>
      <c r="S15" s="98"/>
      <c r="T15" s="58"/>
      <c r="U15" s="99" t="s">
        <v>31</v>
      </c>
      <c r="V15" s="99"/>
      <c r="W15" s="100"/>
      <c r="X15" s="31" t="s">
        <v>44</v>
      </c>
      <c r="Y15" s="52" t="s">
        <v>141</v>
      </c>
      <c r="Z15" s="20"/>
      <c r="AA15" s="20"/>
      <c r="AB15" s="20"/>
    </row>
    <row r="16" spans="1:28" customFormat="1" ht="29.1" hidden="1" customHeight="1">
      <c r="A16" s="63" t="s">
        <v>68</v>
      </c>
      <c r="B16" s="51" t="s">
        <v>1</v>
      </c>
      <c r="C16" s="93" t="s">
        <v>1</v>
      </c>
      <c r="D16" s="94"/>
      <c r="E16" s="101" t="s">
        <v>1</v>
      </c>
      <c r="F16" s="102"/>
      <c r="G16" s="103" t="s">
        <v>98</v>
      </c>
      <c r="H16" s="103"/>
      <c r="I16" s="103"/>
      <c r="J16" s="98" t="s">
        <v>99</v>
      </c>
      <c r="K16" s="98"/>
      <c r="L16" s="98"/>
      <c r="M16" s="57" t="s">
        <v>1</v>
      </c>
      <c r="N16" s="99" t="s">
        <v>100</v>
      </c>
      <c r="O16" s="99"/>
      <c r="P16" s="100"/>
      <c r="Q16" s="98" t="s">
        <v>101</v>
      </c>
      <c r="R16" s="98"/>
      <c r="S16" s="98"/>
      <c r="T16" s="58"/>
      <c r="U16" s="99" t="s">
        <v>102</v>
      </c>
      <c r="V16" s="99"/>
      <c r="W16" s="100"/>
      <c r="X16" s="31" t="s">
        <v>44</v>
      </c>
      <c r="Y16" s="52" t="s">
        <v>103</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98</v>
      </c>
      <c r="H23" s="124"/>
      <c r="I23" s="124"/>
      <c r="J23" s="121" t="s">
        <v>99</v>
      </c>
      <c r="K23" s="121"/>
      <c r="L23" s="121"/>
      <c r="M23" s="59" t="s">
        <v>1</v>
      </c>
      <c r="N23" s="119" t="s">
        <v>100</v>
      </c>
      <c r="O23" s="119"/>
      <c r="P23" s="120"/>
      <c r="Q23" s="121" t="s">
        <v>101</v>
      </c>
      <c r="R23" s="121"/>
      <c r="S23" s="121"/>
      <c r="T23" s="60"/>
      <c r="U23" s="119" t="s">
        <v>102</v>
      </c>
      <c r="V23" s="119"/>
      <c r="W23" s="120"/>
      <c r="X23" s="61" t="s">
        <v>44</v>
      </c>
      <c r="Y23" s="62" t="s">
        <v>103</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455</v>
      </c>
      <c r="C29" s="148"/>
      <c r="D29" s="159" t="s">
        <v>1</v>
      </c>
      <c r="E29" s="160"/>
      <c r="F29" s="161" t="s">
        <v>1</v>
      </c>
      <c r="G29" s="162"/>
      <c r="H29" s="65" t="s">
        <v>1</v>
      </c>
      <c r="I29" s="91" t="s">
        <v>98</v>
      </c>
      <c r="J29" s="92"/>
      <c r="K29" s="55" t="s">
        <v>1</v>
      </c>
      <c r="L29" s="91" t="s">
        <v>142</v>
      </c>
      <c r="M29" s="91"/>
      <c r="N29" s="92"/>
      <c r="O29" s="55" t="s">
        <v>1</v>
      </c>
      <c r="P29" s="91" t="s">
        <v>143</v>
      </c>
      <c r="Q29" s="92"/>
      <c r="R29" s="55" t="s">
        <v>1</v>
      </c>
      <c r="S29" s="91" t="s">
        <v>144</v>
      </c>
      <c r="T29" s="91"/>
      <c r="U29" s="92"/>
      <c r="V29" s="55" t="s">
        <v>1</v>
      </c>
      <c r="W29" s="91" t="s">
        <v>145</v>
      </c>
      <c r="X29" s="91"/>
      <c r="Y29" s="157"/>
      <c r="Z29" s="4"/>
    </row>
    <row r="30" spans="1:28" customFormat="1" ht="28.5" customHeight="1">
      <c r="A30" s="64" t="s">
        <v>1</v>
      </c>
      <c r="B30" s="147" t="s">
        <v>1</v>
      </c>
      <c r="C30" s="148"/>
      <c r="D30" s="93" t="s">
        <v>26</v>
      </c>
      <c r="E30" s="94"/>
      <c r="F30" s="153" t="s">
        <v>146</v>
      </c>
      <c r="G30" s="154"/>
      <c r="H30" s="36" t="s">
        <v>1</v>
      </c>
      <c r="I30" s="99" t="s">
        <v>147</v>
      </c>
      <c r="J30" s="100"/>
      <c r="K30" s="31" t="s">
        <v>1</v>
      </c>
      <c r="L30" s="99" t="s">
        <v>148</v>
      </c>
      <c r="M30" s="99"/>
      <c r="N30" s="100"/>
      <c r="O30" s="31" t="s">
        <v>1</v>
      </c>
      <c r="P30" s="99" t="s">
        <v>143</v>
      </c>
      <c r="Q30" s="100"/>
      <c r="R30" s="31" t="s">
        <v>1</v>
      </c>
      <c r="S30" s="99" t="s">
        <v>149</v>
      </c>
      <c r="T30" s="99"/>
      <c r="U30" s="100"/>
      <c r="V30" s="31" t="s">
        <v>1</v>
      </c>
      <c r="W30" s="99" t="s">
        <v>150</v>
      </c>
      <c r="X30" s="99"/>
      <c r="Y30" s="152"/>
      <c r="Z30" s="4"/>
    </row>
    <row r="31" spans="1:28" customFormat="1" ht="28.5" customHeight="1">
      <c r="A31" s="64" t="s">
        <v>1</v>
      </c>
      <c r="B31" s="147" t="s">
        <v>1</v>
      </c>
      <c r="C31" s="148"/>
      <c r="D31" s="93" t="s">
        <v>40</v>
      </c>
      <c r="E31" s="94"/>
      <c r="F31" s="153" t="s">
        <v>151</v>
      </c>
      <c r="G31" s="154"/>
      <c r="H31" s="36" t="s">
        <v>1</v>
      </c>
      <c r="I31" s="99" t="s">
        <v>152</v>
      </c>
      <c r="J31" s="100"/>
      <c r="K31" s="31" t="s">
        <v>1</v>
      </c>
      <c r="L31" s="99" t="s">
        <v>152</v>
      </c>
      <c r="M31" s="99"/>
      <c r="N31" s="100"/>
      <c r="O31" s="31" t="s">
        <v>1</v>
      </c>
      <c r="P31" s="99" t="s">
        <v>31</v>
      </c>
      <c r="Q31" s="100"/>
      <c r="R31" s="31" t="s">
        <v>1</v>
      </c>
      <c r="S31" s="99" t="s">
        <v>31</v>
      </c>
      <c r="T31" s="99"/>
      <c r="U31" s="100"/>
      <c r="V31" s="31" t="s">
        <v>1</v>
      </c>
      <c r="W31" s="99" t="s">
        <v>31</v>
      </c>
      <c r="X31" s="99"/>
      <c r="Y31" s="152"/>
      <c r="Z31" s="4"/>
    </row>
    <row r="32" spans="1:28" customFormat="1" ht="28.5" customHeight="1">
      <c r="A32" s="64" t="s">
        <v>1</v>
      </c>
      <c r="B32" s="147" t="s">
        <v>1</v>
      </c>
      <c r="C32" s="148"/>
      <c r="D32" s="93" t="s">
        <v>46</v>
      </c>
      <c r="E32" s="94"/>
      <c r="F32" s="153" t="s">
        <v>88</v>
      </c>
      <c r="G32" s="154"/>
      <c r="H32" s="36" t="s">
        <v>1</v>
      </c>
      <c r="I32" s="99" t="s">
        <v>153</v>
      </c>
      <c r="J32" s="100"/>
      <c r="K32" s="31" t="s">
        <v>1</v>
      </c>
      <c r="L32" s="99" t="s">
        <v>154</v>
      </c>
      <c r="M32" s="99"/>
      <c r="N32" s="100"/>
      <c r="O32" s="31" t="s">
        <v>1</v>
      </c>
      <c r="P32" s="99" t="s">
        <v>31</v>
      </c>
      <c r="Q32" s="100"/>
      <c r="R32" s="31" t="s">
        <v>1</v>
      </c>
      <c r="S32" s="99" t="s">
        <v>155</v>
      </c>
      <c r="T32" s="99"/>
      <c r="U32" s="100"/>
      <c r="V32" s="31" t="s">
        <v>1</v>
      </c>
      <c r="W32" s="99" t="s">
        <v>155</v>
      </c>
      <c r="X32" s="99"/>
      <c r="Y32" s="152"/>
      <c r="Z32" s="4"/>
    </row>
    <row r="33" spans="1:26" customFormat="1" ht="28.5" customHeight="1">
      <c r="A33" s="64" t="s">
        <v>1</v>
      </c>
      <c r="B33" s="147" t="s">
        <v>1</v>
      </c>
      <c r="C33" s="148"/>
      <c r="D33" s="93" t="s">
        <v>51</v>
      </c>
      <c r="E33" s="94"/>
      <c r="F33" s="153" t="s">
        <v>156</v>
      </c>
      <c r="G33" s="154"/>
      <c r="H33" s="36" t="s">
        <v>1</v>
      </c>
      <c r="I33" s="99" t="s">
        <v>157</v>
      </c>
      <c r="J33" s="100"/>
      <c r="K33" s="31" t="s">
        <v>1</v>
      </c>
      <c r="L33" s="99" t="s">
        <v>31</v>
      </c>
      <c r="M33" s="99"/>
      <c r="N33" s="100"/>
      <c r="O33" s="31" t="s">
        <v>1</v>
      </c>
      <c r="P33" s="99" t="s">
        <v>31</v>
      </c>
      <c r="Q33" s="100"/>
      <c r="R33" s="31" t="s">
        <v>1</v>
      </c>
      <c r="S33" s="99" t="s">
        <v>157</v>
      </c>
      <c r="T33" s="99"/>
      <c r="U33" s="100"/>
      <c r="V33" s="31" t="s">
        <v>1</v>
      </c>
      <c r="W33" s="99" t="s">
        <v>157</v>
      </c>
      <c r="X33" s="99"/>
      <c r="Y33" s="152"/>
      <c r="Z33" s="4"/>
    </row>
    <row r="34" spans="1:26" customFormat="1" ht="28.5" hidden="1" customHeight="1">
      <c r="A34" s="64" t="s">
        <v>92</v>
      </c>
      <c r="B34" s="147" t="s">
        <v>1</v>
      </c>
      <c r="C34" s="148"/>
      <c r="D34" s="93" t="s">
        <v>1</v>
      </c>
      <c r="E34" s="94"/>
      <c r="F34" s="153" t="s">
        <v>1</v>
      </c>
      <c r="G34" s="154"/>
      <c r="H34" s="36" t="s">
        <v>1</v>
      </c>
      <c r="I34" s="99" t="s">
        <v>98</v>
      </c>
      <c r="J34" s="100"/>
      <c r="K34" s="31" t="s">
        <v>1</v>
      </c>
      <c r="L34" s="99" t="s">
        <v>142</v>
      </c>
      <c r="M34" s="99"/>
      <c r="N34" s="100"/>
      <c r="O34" s="31" t="s">
        <v>1</v>
      </c>
      <c r="P34" s="99" t="s">
        <v>143</v>
      </c>
      <c r="Q34" s="100"/>
      <c r="R34" s="31" t="s">
        <v>1</v>
      </c>
      <c r="S34" s="99" t="s">
        <v>144</v>
      </c>
      <c r="T34" s="99"/>
      <c r="U34" s="100"/>
      <c r="V34" s="31" t="s">
        <v>1</v>
      </c>
      <c r="W34" s="99" t="s">
        <v>145</v>
      </c>
      <c r="X34" s="99"/>
      <c r="Y34" s="152"/>
      <c r="Z34" s="4"/>
    </row>
    <row r="35" spans="1:26" customFormat="1" ht="28.5" hidden="1" customHeight="1">
      <c r="A35" s="64" t="s">
        <v>1</v>
      </c>
      <c r="B35" s="147" t="s">
        <v>1</v>
      </c>
      <c r="C35" s="148"/>
      <c r="D35" s="93" t="s">
        <v>1</v>
      </c>
      <c r="E35" s="94"/>
      <c r="F35" s="153" t="s">
        <v>1</v>
      </c>
      <c r="G35" s="154"/>
      <c r="H35" s="36" t="s">
        <v>5</v>
      </c>
      <c r="I35" s="99" t="s">
        <v>1</v>
      </c>
      <c r="J35" s="100"/>
      <c r="K35" s="31" t="s">
        <v>158</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94</v>
      </c>
      <c r="I36" s="99" t="s">
        <v>1</v>
      </c>
      <c r="J36" s="100"/>
      <c r="K36" s="31" t="s">
        <v>95</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96</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8</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98</v>
      </c>
      <c r="J45" s="120"/>
      <c r="K45" s="61" t="s">
        <v>1</v>
      </c>
      <c r="L45" s="119" t="s">
        <v>142</v>
      </c>
      <c r="M45" s="119"/>
      <c r="N45" s="120"/>
      <c r="O45" s="61" t="s">
        <v>1</v>
      </c>
      <c r="P45" s="119" t="s">
        <v>143</v>
      </c>
      <c r="Q45" s="120"/>
      <c r="R45" s="61" t="s">
        <v>1</v>
      </c>
      <c r="S45" s="119" t="s">
        <v>144</v>
      </c>
      <c r="T45" s="119"/>
      <c r="U45" s="120"/>
      <c r="V45" s="61" t="s">
        <v>1</v>
      </c>
      <c r="W45" s="119" t="s">
        <v>145</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158</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23" pageOrder="overThenDown" orientation="portrait" useFirstPageNumber="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zoomScale="70" zoomScaleNormal="100" zoomScaleSheetLayoutView="7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390</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391</v>
      </c>
      <c r="C6" s="93" t="s">
        <v>1</v>
      </c>
      <c r="D6" s="94"/>
      <c r="E6" s="95" t="s">
        <v>1</v>
      </c>
      <c r="F6" s="96"/>
      <c r="G6" s="97" t="s">
        <v>392</v>
      </c>
      <c r="H6" s="97"/>
      <c r="I6" s="97"/>
      <c r="J6" s="90" t="s">
        <v>393</v>
      </c>
      <c r="K6" s="90"/>
      <c r="L6" s="90"/>
      <c r="M6" s="53" t="s">
        <v>1</v>
      </c>
      <c r="N6" s="91" t="s">
        <v>393</v>
      </c>
      <c r="O6" s="91"/>
      <c r="P6" s="92"/>
      <c r="Q6" s="90" t="s">
        <v>31</v>
      </c>
      <c r="R6" s="90"/>
      <c r="S6" s="90"/>
      <c r="T6" s="54"/>
      <c r="U6" s="91" t="s">
        <v>31</v>
      </c>
      <c r="V6" s="91"/>
      <c r="W6" s="92"/>
      <c r="X6" s="55" t="s">
        <v>44</v>
      </c>
      <c r="Y6" s="56" t="s">
        <v>394</v>
      </c>
      <c r="Z6" s="20"/>
      <c r="AA6" s="14"/>
      <c r="AB6" s="20"/>
    </row>
    <row r="7" spans="1:28" customFormat="1" ht="29.1" customHeight="1">
      <c r="A7" s="63" t="s">
        <v>1</v>
      </c>
      <c r="B7" s="51" t="s">
        <v>1</v>
      </c>
      <c r="C7" s="93" t="s">
        <v>26</v>
      </c>
      <c r="D7" s="94"/>
      <c r="E7" s="101" t="s">
        <v>121</v>
      </c>
      <c r="F7" s="102"/>
      <c r="G7" s="103" t="s">
        <v>395</v>
      </c>
      <c r="H7" s="103"/>
      <c r="I7" s="103"/>
      <c r="J7" s="98" t="s">
        <v>396</v>
      </c>
      <c r="K7" s="98"/>
      <c r="L7" s="98"/>
      <c r="M7" s="57" t="s">
        <v>1</v>
      </c>
      <c r="N7" s="99" t="s">
        <v>396</v>
      </c>
      <c r="O7" s="99"/>
      <c r="P7" s="100"/>
      <c r="Q7" s="98" t="s">
        <v>31</v>
      </c>
      <c r="R7" s="98"/>
      <c r="S7" s="98"/>
      <c r="T7" s="58"/>
      <c r="U7" s="99" t="s">
        <v>31</v>
      </c>
      <c r="V7" s="99"/>
      <c r="W7" s="100"/>
      <c r="X7" s="31" t="s">
        <v>44</v>
      </c>
      <c r="Y7" s="52" t="s">
        <v>397</v>
      </c>
      <c r="Z7" s="20"/>
      <c r="AA7" s="20"/>
      <c r="AB7" s="20"/>
    </row>
    <row r="8" spans="1:28" customFormat="1" ht="29.1" customHeight="1">
      <c r="A8" s="63" t="s">
        <v>1</v>
      </c>
      <c r="B8" s="51" t="s">
        <v>1</v>
      </c>
      <c r="C8" s="93" t="s">
        <v>40</v>
      </c>
      <c r="D8" s="94"/>
      <c r="E8" s="101" t="s">
        <v>41</v>
      </c>
      <c r="F8" s="102"/>
      <c r="G8" s="103" t="s">
        <v>398</v>
      </c>
      <c r="H8" s="103"/>
      <c r="I8" s="103"/>
      <c r="J8" s="98" t="s">
        <v>399</v>
      </c>
      <c r="K8" s="98"/>
      <c r="L8" s="98"/>
      <c r="M8" s="57" t="s">
        <v>1</v>
      </c>
      <c r="N8" s="99" t="s">
        <v>399</v>
      </c>
      <c r="O8" s="99"/>
      <c r="P8" s="100"/>
      <c r="Q8" s="98" t="s">
        <v>31</v>
      </c>
      <c r="R8" s="98"/>
      <c r="S8" s="98"/>
      <c r="T8" s="58"/>
      <c r="U8" s="99" t="s">
        <v>31</v>
      </c>
      <c r="V8" s="99"/>
      <c r="W8" s="100"/>
      <c r="X8" s="31" t="s">
        <v>44</v>
      </c>
      <c r="Y8" s="52" t="s">
        <v>400</v>
      </c>
      <c r="Z8" s="20"/>
      <c r="AA8" s="20"/>
      <c r="AB8" s="20"/>
    </row>
    <row r="9" spans="1:28" customFormat="1" ht="29.1" customHeight="1">
      <c r="A9" s="63" t="s">
        <v>1</v>
      </c>
      <c r="B9" s="51" t="s">
        <v>1</v>
      </c>
      <c r="C9" s="93" t="s">
        <v>46</v>
      </c>
      <c r="D9" s="94"/>
      <c r="E9" s="101" t="s">
        <v>59</v>
      </c>
      <c r="F9" s="102"/>
      <c r="G9" s="103" t="s">
        <v>401</v>
      </c>
      <c r="H9" s="103"/>
      <c r="I9" s="103"/>
      <c r="J9" s="98" t="s">
        <v>401</v>
      </c>
      <c r="K9" s="98"/>
      <c r="L9" s="98"/>
      <c r="M9" s="57" t="s">
        <v>1</v>
      </c>
      <c r="N9" s="99" t="s">
        <v>401</v>
      </c>
      <c r="O9" s="99"/>
      <c r="P9" s="100"/>
      <c r="Q9" s="98" t="s">
        <v>31</v>
      </c>
      <c r="R9" s="98"/>
      <c r="S9" s="98"/>
      <c r="T9" s="58"/>
      <c r="U9" s="99" t="s">
        <v>31</v>
      </c>
      <c r="V9" s="99"/>
      <c r="W9" s="100"/>
      <c r="X9" s="31" t="s">
        <v>1</v>
      </c>
      <c r="Y9" s="52" t="s">
        <v>31</v>
      </c>
      <c r="Z9" s="20"/>
      <c r="AA9" s="20"/>
      <c r="AB9" s="20"/>
    </row>
    <row r="10" spans="1:28" customFormat="1" ht="29.1" hidden="1" customHeight="1">
      <c r="A10" s="63" t="s">
        <v>68</v>
      </c>
      <c r="B10" s="51" t="s">
        <v>1</v>
      </c>
      <c r="C10" s="93" t="s">
        <v>1</v>
      </c>
      <c r="D10" s="94"/>
      <c r="E10" s="101" t="s">
        <v>1</v>
      </c>
      <c r="F10" s="102"/>
      <c r="G10" s="103" t="s">
        <v>392</v>
      </c>
      <c r="H10" s="103"/>
      <c r="I10" s="103"/>
      <c r="J10" s="98" t="s">
        <v>393</v>
      </c>
      <c r="K10" s="98"/>
      <c r="L10" s="98"/>
      <c r="M10" s="57" t="s">
        <v>1</v>
      </c>
      <c r="N10" s="99" t="s">
        <v>393</v>
      </c>
      <c r="O10" s="99"/>
      <c r="P10" s="100"/>
      <c r="Q10" s="98" t="s">
        <v>31</v>
      </c>
      <c r="R10" s="98"/>
      <c r="S10" s="98"/>
      <c r="T10" s="58"/>
      <c r="U10" s="99" t="s">
        <v>31</v>
      </c>
      <c r="V10" s="99"/>
      <c r="W10" s="100"/>
      <c r="X10" s="31" t="s">
        <v>44</v>
      </c>
      <c r="Y10" s="52" t="s">
        <v>394</v>
      </c>
      <c r="Z10" s="20"/>
      <c r="AA10" s="20"/>
      <c r="AB10" s="20"/>
    </row>
    <row r="11" spans="1:28" customFormat="1" ht="29.1" hidden="1" customHeight="1">
      <c r="A11" s="63" t="s">
        <v>1</v>
      </c>
      <c r="B11" s="51" t="s">
        <v>1</v>
      </c>
      <c r="C11" s="93" t="s">
        <v>1</v>
      </c>
      <c r="D11" s="94"/>
      <c r="E11" s="101" t="s">
        <v>1</v>
      </c>
      <c r="F11" s="102"/>
      <c r="G11" s="103" t="s">
        <v>1</v>
      </c>
      <c r="H11" s="103"/>
      <c r="I11" s="103"/>
      <c r="J11" s="98" t="s">
        <v>1</v>
      </c>
      <c r="K11" s="98"/>
      <c r="L11" s="98"/>
      <c r="M11" s="57" t="s">
        <v>1</v>
      </c>
      <c r="N11" s="99" t="s">
        <v>1</v>
      </c>
      <c r="O11" s="99"/>
      <c r="P11" s="100"/>
      <c r="Q11" s="98" t="s">
        <v>1</v>
      </c>
      <c r="R11" s="98"/>
      <c r="S11" s="98"/>
      <c r="T11" s="58"/>
      <c r="U11" s="99" t="s">
        <v>1</v>
      </c>
      <c r="V11" s="99"/>
      <c r="W11" s="100"/>
      <c r="X11" s="31" t="s">
        <v>1</v>
      </c>
      <c r="Y11" s="52" t="s">
        <v>1</v>
      </c>
      <c r="Z11" s="20"/>
      <c r="AA11" s="20"/>
      <c r="AB11" s="20"/>
    </row>
    <row r="12" spans="1:28" customFormat="1" ht="29.1" hidden="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392</v>
      </c>
      <c r="H23" s="124"/>
      <c r="I23" s="124"/>
      <c r="J23" s="121" t="s">
        <v>393</v>
      </c>
      <c r="K23" s="121"/>
      <c r="L23" s="121"/>
      <c r="M23" s="59" t="s">
        <v>1</v>
      </c>
      <c r="N23" s="119" t="s">
        <v>393</v>
      </c>
      <c r="O23" s="119"/>
      <c r="P23" s="120"/>
      <c r="Q23" s="121" t="s">
        <v>31</v>
      </c>
      <c r="R23" s="121"/>
      <c r="S23" s="121"/>
      <c r="T23" s="60"/>
      <c r="U23" s="119" t="s">
        <v>31</v>
      </c>
      <c r="V23" s="119"/>
      <c r="W23" s="120"/>
      <c r="X23" s="61" t="s">
        <v>44</v>
      </c>
      <c r="Y23" s="62" t="s">
        <v>394</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402</v>
      </c>
      <c r="C29" s="148"/>
      <c r="D29" s="159" t="s">
        <v>1</v>
      </c>
      <c r="E29" s="160"/>
      <c r="F29" s="161" t="s">
        <v>1</v>
      </c>
      <c r="G29" s="162"/>
      <c r="H29" s="65" t="s">
        <v>1</v>
      </c>
      <c r="I29" s="91" t="s">
        <v>392</v>
      </c>
      <c r="J29" s="92"/>
      <c r="K29" s="55" t="s">
        <v>1</v>
      </c>
      <c r="L29" s="91" t="s">
        <v>393</v>
      </c>
      <c r="M29" s="91"/>
      <c r="N29" s="92"/>
      <c r="O29" s="55" t="s">
        <v>1</v>
      </c>
      <c r="P29" s="91" t="s">
        <v>31</v>
      </c>
      <c r="Q29" s="92"/>
      <c r="R29" s="55" t="s">
        <v>1</v>
      </c>
      <c r="S29" s="91" t="s">
        <v>394</v>
      </c>
      <c r="T29" s="91"/>
      <c r="U29" s="92"/>
      <c r="V29" s="55" t="s">
        <v>1</v>
      </c>
      <c r="W29" s="91" t="s">
        <v>394</v>
      </c>
      <c r="X29" s="91"/>
      <c r="Y29" s="157"/>
      <c r="Z29" s="4"/>
    </row>
    <row r="30" spans="1:28" customFormat="1" ht="28.5" customHeight="1">
      <c r="A30" s="64" t="s">
        <v>1</v>
      </c>
      <c r="B30" s="147" t="s">
        <v>1</v>
      </c>
      <c r="C30" s="148"/>
      <c r="D30" s="93" t="s">
        <v>26</v>
      </c>
      <c r="E30" s="94"/>
      <c r="F30" s="153" t="s">
        <v>88</v>
      </c>
      <c r="G30" s="154"/>
      <c r="H30" s="36" t="s">
        <v>1</v>
      </c>
      <c r="I30" s="99" t="s">
        <v>392</v>
      </c>
      <c r="J30" s="100"/>
      <c r="K30" s="31" t="s">
        <v>1</v>
      </c>
      <c r="L30" s="99" t="s">
        <v>393</v>
      </c>
      <c r="M30" s="99"/>
      <c r="N30" s="100"/>
      <c r="O30" s="31" t="s">
        <v>1</v>
      </c>
      <c r="P30" s="99" t="s">
        <v>31</v>
      </c>
      <c r="Q30" s="100"/>
      <c r="R30" s="31" t="s">
        <v>1</v>
      </c>
      <c r="S30" s="99" t="s">
        <v>394</v>
      </c>
      <c r="T30" s="99"/>
      <c r="U30" s="100"/>
      <c r="V30" s="31" t="s">
        <v>1</v>
      </c>
      <c r="W30" s="99" t="s">
        <v>394</v>
      </c>
      <c r="X30" s="99"/>
      <c r="Y30" s="152"/>
      <c r="Z30" s="4"/>
    </row>
    <row r="31" spans="1:28" customFormat="1" ht="28.5" hidden="1" customHeight="1">
      <c r="A31" s="64" t="s">
        <v>92</v>
      </c>
      <c r="B31" s="147" t="s">
        <v>1</v>
      </c>
      <c r="C31" s="148"/>
      <c r="D31" s="93" t="s">
        <v>1</v>
      </c>
      <c r="E31" s="94"/>
      <c r="F31" s="153" t="s">
        <v>1</v>
      </c>
      <c r="G31" s="154"/>
      <c r="H31" s="36" t="s">
        <v>1</v>
      </c>
      <c r="I31" s="99" t="s">
        <v>392</v>
      </c>
      <c r="J31" s="100"/>
      <c r="K31" s="31" t="s">
        <v>1</v>
      </c>
      <c r="L31" s="99" t="s">
        <v>393</v>
      </c>
      <c r="M31" s="99"/>
      <c r="N31" s="100"/>
      <c r="O31" s="31" t="s">
        <v>1</v>
      </c>
      <c r="P31" s="99" t="s">
        <v>31</v>
      </c>
      <c r="Q31" s="100"/>
      <c r="R31" s="31" t="s">
        <v>1</v>
      </c>
      <c r="S31" s="99" t="s">
        <v>394</v>
      </c>
      <c r="T31" s="99"/>
      <c r="U31" s="100"/>
      <c r="V31" s="31" t="s">
        <v>1</v>
      </c>
      <c r="W31" s="99" t="s">
        <v>394</v>
      </c>
      <c r="X31" s="99"/>
      <c r="Y31" s="152"/>
      <c r="Z31" s="4"/>
    </row>
    <row r="32" spans="1:28" customFormat="1" ht="28.5" hidden="1" customHeight="1">
      <c r="A32" s="64" t="s">
        <v>1</v>
      </c>
      <c r="B32" s="147" t="s">
        <v>1</v>
      </c>
      <c r="C32" s="148"/>
      <c r="D32" s="93" t="s">
        <v>1</v>
      </c>
      <c r="E32" s="94"/>
      <c r="F32" s="153" t="s">
        <v>1</v>
      </c>
      <c r="G32" s="154"/>
      <c r="H32" s="36" t="s">
        <v>5</v>
      </c>
      <c r="I32" s="99" t="s">
        <v>1</v>
      </c>
      <c r="J32" s="100"/>
      <c r="K32" s="31" t="s">
        <v>95</v>
      </c>
      <c r="L32" s="99" t="s">
        <v>1</v>
      </c>
      <c r="M32" s="99"/>
      <c r="N32" s="100"/>
      <c r="O32" s="31" t="s">
        <v>1</v>
      </c>
      <c r="P32" s="99" t="s">
        <v>1</v>
      </c>
      <c r="Q32" s="100"/>
      <c r="R32" s="31" t="s">
        <v>1</v>
      </c>
      <c r="S32" s="99" t="s">
        <v>1</v>
      </c>
      <c r="T32" s="99"/>
      <c r="U32" s="100"/>
      <c r="V32" s="31" t="s">
        <v>1</v>
      </c>
      <c r="W32" s="99" t="s">
        <v>1</v>
      </c>
      <c r="X32" s="99"/>
      <c r="Y32" s="152"/>
      <c r="Z32" s="4"/>
    </row>
    <row r="33" spans="1:26" customFormat="1" ht="28.5" hidden="1" customHeight="1">
      <c r="A33" s="64" t="s">
        <v>1</v>
      </c>
      <c r="B33" s="147" t="s">
        <v>1</v>
      </c>
      <c r="C33" s="148"/>
      <c r="D33" s="93" t="s">
        <v>1</v>
      </c>
      <c r="E33" s="94"/>
      <c r="F33" s="153" t="s">
        <v>1</v>
      </c>
      <c r="G33" s="154"/>
      <c r="H33" s="36" t="s">
        <v>94</v>
      </c>
      <c r="I33" s="99" t="s">
        <v>1</v>
      </c>
      <c r="J33" s="100"/>
      <c r="K33" s="31" t="s">
        <v>95</v>
      </c>
      <c r="L33" s="99" t="s">
        <v>1</v>
      </c>
      <c r="M33" s="99"/>
      <c r="N33" s="100"/>
      <c r="O33" s="31" t="s">
        <v>1</v>
      </c>
      <c r="P33" s="99" t="s">
        <v>1</v>
      </c>
      <c r="Q33" s="100"/>
      <c r="R33" s="31" t="s">
        <v>1</v>
      </c>
      <c r="S33" s="99" t="s">
        <v>1</v>
      </c>
      <c r="T33" s="99"/>
      <c r="U33" s="100"/>
      <c r="V33" s="31" t="s">
        <v>1</v>
      </c>
      <c r="W33" s="99" t="s">
        <v>1</v>
      </c>
      <c r="X33" s="99"/>
      <c r="Y33" s="152"/>
      <c r="Z33" s="4"/>
    </row>
    <row r="34" spans="1:26" customFormat="1" ht="28.5" hidden="1" customHeight="1">
      <c r="A34" s="64" t="s">
        <v>1</v>
      </c>
      <c r="B34" s="147" t="s">
        <v>1</v>
      </c>
      <c r="C34" s="148"/>
      <c r="D34" s="93" t="s">
        <v>1</v>
      </c>
      <c r="E34" s="94"/>
      <c r="F34" s="153" t="s">
        <v>96</v>
      </c>
      <c r="G34" s="154"/>
      <c r="H34" s="36" t="s">
        <v>1</v>
      </c>
      <c r="I34" s="99" t="s">
        <v>1</v>
      </c>
      <c r="J34" s="100"/>
      <c r="K34" s="31" t="s">
        <v>1</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1</v>
      </c>
      <c r="G35" s="154"/>
      <c r="H35" s="36" t="s">
        <v>1</v>
      </c>
      <c r="I35" s="99" t="s">
        <v>8</v>
      </c>
      <c r="J35" s="100"/>
      <c r="K35" s="31" t="s">
        <v>1</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1</v>
      </c>
      <c r="I36" s="99" t="s">
        <v>1</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392</v>
      </c>
      <c r="J45" s="120"/>
      <c r="K45" s="61" t="s">
        <v>1</v>
      </c>
      <c r="L45" s="119" t="s">
        <v>393</v>
      </c>
      <c r="M45" s="119"/>
      <c r="N45" s="120"/>
      <c r="O45" s="61" t="s">
        <v>1</v>
      </c>
      <c r="P45" s="119" t="s">
        <v>31</v>
      </c>
      <c r="Q45" s="120"/>
      <c r="R45" s="61" t="s">
        <v>1</v>
      </c>
      <c r="S45" s="119" t="s">
        <v>394</v>
      </c>
      <c r="T45" s="119"/>
      <c r="U45" s="120"/>
      <c r="V45" s="61" t="s">
        <v>1</v>
      </c>
      <c r="W45" s="119" t="s">
        <v>394</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95</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0" pageOrder="overThenDown" orientation="portrait" useFirstPageNumber="1"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380</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439</v>
      </c>
      <c r="C6" s="93" t="s">
        <v>1</v>
      </c>
      <c r="D6" s="94"/>
      <c r="E6" s="95" t="s">
        <v>1</v>
      </c>
      <c r="F6" s="96"/>
      <c r="G6" s="97" t="s">
        <v>381</v>
      </c>
      <c r="H6" s="97"/>
      <c r="I6" s="97"/>
      <c r="J6" s="90" t="s">
        <v>382</v>
      </c>
      <c r="K6" s="90"/>
      <c r="L6" s="90"/>
      <c r="M6" s="53" t="s">
        <v>1</v>
      </c>
      <c r="N6" s="91" t="s">
        <v>382</v>
      </c>
      <c r="O6" s="91"/>
      <c r="P6" s="92"/>
      <c r="Q6" s="90" t="s">
        <v>31</v>
      </c>
      <c r="R6" s="90"/>
      <c r="S6" s="90"/>
      <c r="T6" s="54"/>
      <c r="U6" s="91" t="s">
        <v>31</v>
      </c>
      <c r="V6" s="91"/>
      <c r="W6" s="92"/>
      <c r="X6" s="55" t="s">
        <v>1</v>
      </c>
      <c r="Y6" s="56" t="s">
        <v>383</v>
      </c>
      <c r="Z6" s="20"/>
      <c r="AA6" s="14"/>
      <c r="AB6" s="20"/>
    </row>
    <row r="7" spans="1:28" customFormat="1" ht="29.1" customHeight="1">
      <c r="A7" s="63" t="s">
        <v>1</v>
      </c>
      <c r="B7" s="51" t="s">
        <v>1</v>
      </c>
      <c r="C7" s="93" t="s">
        <v>26</v>
      </c>
      <c r="D7" s="94"/>
      <c r="E7" s="166" t="s">
        <v>440</v>
      </c>
      <c r="F7" s="102"/>
      <c r="G7" s="103" t="s">
        <v>384</v>
      </c>
      <c r="H7" s="103"/>
      <c r="I7" s="103"/>
      <c r="J7" s="98" t="s">
        <v>384</v>
      </c>
      <c r="K7" s="98"/>
      <c r="L7" s="98"/>
      <c r="M7" s="57" t="s">
        <v>1</v>
      </c>
      <c r="N7" s="99" t="s">
        <v>384</v>
      </c>
      <c r="O7" s="99"/>
      <c r="P7" s="100"/>
      <c r="Q7" s="98" t="s">
        <v>31</v>
      </c>
      <c r="R7" s="98"/>
      <c r="S7" s="98"/>
      <c r="T7" s="58"/>
      <c r="U7" s="99" t="s">
        <v>31</v>
      </c>
      <c r="V7" s="99"/>
      <c r="W7" s="100"/>
      <c r="X7" s="31" t="s">
        <v>1</v>
      </c>
      <c r="Y7" s="52" t="s">
        <v>31</v>
      </c>
      <c r="Z7" s="20"/>
      <c r="AA7" s="20"/>
      <c r="AB7" s="20"/>
    </row>
    <row r="8" spans="1:28" customFormat="1" ht="29.1" customHeight="1">
      <c r="A8" s="63" t="s">
        <v>1</v>
      </c>
      <c r="B8" s="51" t="s">
        <v>1</v>
      </c>
      <c r="C8" s="93" t="s">
        <v>40</v>
      </c>
      <c r="D8" s="94"/>
      <c r="E8" s="101" t="s">
        <v>47</v>
      </c>
      <c r="F8" s="102"/>
      <c r="G8" s="103" t="s">
        <v>385</v>
      </c>
      <c r="H8" s="103"/>
      <c r="I8" s="103"/>
      <c r="J8" s="98" t="s">
        <v>386</v>
      </c>
      <c r="K8" s="98"/>
      <c r="L8" s="98"/>
      <c r="M8" s="57" t="s">
        <v>1</v>
      </c>
      <c r="N8" s="99" t="s">
        <v>386</v>
      </c>
      <c r="O8" s="99"/>
      <c r="P8" s="100"/>
      <c r="Q8" s="98" t="s">
        <v>31</v>
      </c>
      <c r="R8" s="98"/>
      <c r="S8" s="98"/>
      <c r="T8" s="58"/>
      <c r="U8" s="99" t="s">
        <v>31</v>
      </c>
      <c r="V8" s="99"/>
      <c r="W8" s="100"/>
      <c r="X8" s="31" t="s">
        <v>1</v>
      </c>
      <c r="Y8" s="52" t="s">
        <v>387</v>
      </c>
      <c r="Z8" s="20"/>
      <c r="AA8" s="20"/>
      <c r="AB8" s="20"/>
    </row>
    <row r="9" spans="1:28" customFormat="1" ht="29.1" customHeight="1">
      <c r="A9" s="63" t="s">
        <v>1</v>
      </c>
      <c r="B9" s="51" t="s">
        <v>1</v>
      </c>
      <c r="C9" s="93" t="s">
        <v>46</v>
      </c>
      <c r="D9" s="94"/>
      <c r="E9" s="101" t="s">
        <v>52</v>
      </c>
      <c r="F9" s="102"/>
      <c r="G9" s="103" t="s">
        <v>31</v>
      </c>
      <c r="H9" s="103"/>
      <c r="I9" s="103"/>
      <c r="J9" s="98" t="s">
        <v>388</v>
      </c>
      <c r="K9" s="98"/>
      <c r="L9" s="98"/>
      <c r="M9" s="57" t="s">
        <v>1</v>
      </c>
      <c r="N9" s="99" t="s">
        <v>388</v>
      </c>
      <c r="O9" s="99"/>
      <c r="P9" s="100"/>
      <c r="Q9" s="98" t="s">
        <v>31</v>
      </c>
      <c r="R9" s="98"/>
      <c r="S9" s="98"/>
      <c r="T9" s="58"/>
      <c r="U9" s="99" t="s">
        <v>31</v>
      </c>
      <c r="V9" s="99"/>
      <c r="W9" s="100"/>
      <c r="X9" s="31" t="s">
        <v>1</v>
      </c>
      <c r="Y9" s="52" t="s">
        <v>388</v>
      </c>
      <c r="Z9" s="20"/>
      <c r="AA9" s="20"/>
      <c r="AB9" s="20"/>
    </row>
    <row r="10" spans="1:28" customFormat="1" ht="29.1" hidden="1" customHeight="1">
      <c r="A10" s="63" t="s">
        <v>68</v>
      </c>
      <c r="B10" s="51" t="s">
        <v>1</v>
      </c>
      <c r="C10" s="93" t="s">
        <v>1</v>
      </c>
      <c r="D10" s="94"/>
      <c r="E10" s="101" t="s">
        <v>1</v>
      </c>
      <c r="F10" s="102"/>
      <c r="G10" s="103" t="s">
        <v>381</v>
      </c>
      <c r="H10" s="103"/>
      <c r="I10" s="103"/>
      <c r="J10" s="98" t="s">
        <v>382</v>
      </c>
      <c r="K10" s="98"/>
      <c r="L10" s="98"/>
      <c r="M10" s="57" t="s">
        <v>1</v>
      </c>
      <c r="N10" s="99" t="s">
        <v>382</v>
      </c>
      <c r="O10" s="99"/>
      <c r="P10" s="100"/>
      <c r="Q10" s="98" t="s">
        <v>31</v>
      </c>
      <c r="R10" s="98"/>
      <c r="S10" s="98"/>
      <c r="T10" s="58"/>
      <c r="U10" s="99" t="s">
        <v>31</v>
      </c>
      <c r="V10" s="99"/>
      <c r="W10" s="100"/>
      <c r="X10" s="31" t="s">
        <v>1</v>
      </c>
      <c r="Y10" s="52" t="s">
        <v>383</v>
      </c>
      <c r="Z10" s="20"/>
      <c r="AA10" s="20"/>
      <c r="AB10" s="20"/>
    </row>
    <row r="11" spans="1:28" customFormat="1" ht="29.1" hidden="1" customHeight="1">
      <c r="A11" s="63" t="s">
        <v>1</v>
      </c>
      <c r="B11" s="51" t="s">
        <v>1</v>
      </c>
      <c r="C11" s="93" t="s">
        <v>1</v>
      </c>
      <c r="D11" s="94"/>
      <c r="E11" s="101" t="s">
        <v>1</v>
      </c>
      <c r="F11" s="102"/>
      <c r="G11" s="103" t="s">
        <v>1</v>
      </c>
      <c r="H11" s="103"/>
      <c r="I11" s="103"/>
      <c r="J11" s="98" t="s">
        <v>1</v>
      </c>
      <c r="K11" s="98"/>
      <c r="L11" s="98"/>
      <c r="M11" s="57" t="s">
        <v>1</v>
      </c>
      <c r="N11" s="99" t="s">
        <v>1</v>
      </c>
      <c r="O11" s="99"/>
      <c r="P11" s="100"/>
      <c r="Q11" s="98" t="s">
        <v>1</v>
      </c>
      <c r="R11" s="98"/>
      <c r="S11" s="98"/>
      <c r="T11" s="58"/>
      <c r="U11" s="99" t="s">
        <v>1</v>
      </c>
      <c r="V11" s="99"/>
      <c r="W11" s="100"/>
      <c r="X11" s="31" t="s">
        <v>1</v>
      </c>
      <c r="Y11" s="52" t="s">
        <v>1</v>
      </c>
      <c r="Z11" s="20"/>
      <c r="AA11" s="20"/>
      <c r="AB11" s="20"/>
    </row>
    <row r="12" spans="1:28" customFormat="1" ht="29.1" hidden="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381</v>
      </c>
      <c r="H23" s="124"/>
      <c r="I23" s="124"/>
      <c r="J23" s="121" t="s">
        <v>382</v>
      </c>
      <c r="K23" s="121"/>
      <c r="L23" s="121"/>
      <c r="M23" s="59" t="s">
        <v>1</v>
      </c>
      <c r="N23" s="119" t="s">
        <v>382</v>
      </c>
      <c r="O23" s="119"/>
      <c r="P23" s="120"/>
      <c r="Q23" s="121" t="s">
        <v>31</v>
      </c>
      <c r="R23" s="121"/>
      <c r="S23" s="121"/>
      <c r="T23" s="60"/>
      <c r="U23" s="119" t="s">
        <v>31</v>
      </c>
      <c r="V23" s="119"/>
      <c r="W23" s="120"/>
      <c r="X23" s="61" t="s">
        <v>1</v>
      </c>
      <c r="Y23" s="62" t="s">
        <v>383</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441</v>
      </c>
      <c r="C29" s="148"/>
      <c r="D29" s="159" t="s">
        <v>1</v>
      </c>
      <c r="E29" s="160"/>
      <c r="F29" s="161" t="s">
        <v>1</v>
      </c>
      <c r="G29" s="162"/>
      <c r="H29" s="65" t="s">
        <v>1</v>
      </c>
      <c r="I29" s="91" t="s">
        <v>381</v>
      </c>
      <c r="J29" s="92"/>
      <c r="K29" s="55" t="s">
        <v>1</v>
      </c>
      <c r="L29" s="91" t="s">
        <v>384</v>
      </c>
      <c r="M29" s="91"/>
      <c r="N29" s="92"/>
      <c r="O29" s="55" t="s">
        <v>1</v>
      </c>
      <c r="P29" s="91" t="s">
        <v>31</v>
      </c>
      <c r="Q29" s="92"/>
      <c r="R29" s="55" t="s">
        <v>1</v>
      </c>
      <c r="S29" s="91" t="s">
        <v>385</v>
      </c>
      <c r="T29" s="91"/>
      <c r="U29" s="92"/>
      <c r="V29" s="55" t="s">
        <v>1</v>
      </c>
      <c r="W29" s="91" t="s">
        <v>385</v>
      </c>
      <c r="X29" s="91"/>
      <c r="Y29" s="157"/>
      <c r="Z29" s="4"/>
    </row>
    <row r="30" spans="1:28" customFormat="1" ht="28.5" customHeight="1">
      <c r="A30" s="64" t="s">
        <v>1</v>
      </c>
      <c r="B30" s="147" t="s">
        <v>1</v>
      </c>
      <c r="C30" s="148"/>
      <c r="D30" s="93" t="s">
        <v>26</v>
      </c>
      <c r="E30" s="94"/>
      <c r="F30" s="153" t="s">
        <v>84</v>
      </c>
      <c r="G30" s="154"/>
      <c r="H30" s="36" t="s">
        <v>1</v>
      </c>
      <c r="I30" s="99" t="s">
        <v>384</v>
      </c>
      <c r="J30" s="100"/>
      <c r="K30" s="31" t="s">
        <v>1</v>
      </c>
      <c r="L30" s="99" t="s">
        <v>384</v>
      </c>
      <c r="M30" s="99"/>
      <c r="N30" s="100"/>
      <c r="O30" s="31" t="s">
        <v>1</v>
      </c>
      <c r="P30" s="99" t="s">
        <v>31</v>
      </c>
      <c r="Q30" s="100"/>
      <c r="R30" s="31" t="s">
        <v>1</v>
      </c>
      <c r="S30" s="99" t="s">
        <v>31</v>
      </c>
      <c r="T30" s="99"/>
      <c r="U30" s="100"/>
      <c r="V30" s="31" t="s">
        <v>1</v>
      </c>
      <c r="W30" s="99" t="s">
        <v>31</v>
      </c>
      <c r="X30" s="99"/>
      <c r="Y30" s="152"/>
      <c r="Z30" s="4"/>
    </row>
    <row r="31" spans="1:28" customFormat="1" ht="28.5" customHeight="1">
      <c r="A31" s="64" t="s">
        <v>1</v>
      </c>
      <c r="B31" s="147" t="s">
        <v>1</v>
      </c>
      <c r="C31" s="148"/>
      <c r="D31" s="93" t="s">
        <v>40</v>
      </c>
      <c r="E31" s="94"/>
      <c r="F31" s="153" t="s">
        <v>156</v>
      </c>
      <c r="G31" s="154"/>
      <c r="H31" s="36" t="s">
        <v>1</v>
      </c>
      <c r="I31" s="99" t="s">
        <v>385</v>
      </c>
      <c r="J31" s="100"/>
      <c r="K31" s="31" t="s">
        <v>1</v>
      </c>
      <c r="L31" s="99" t="s">
        <v>31</v>
      </c>
      <c r="M31" s="99"/>
      <c r="N31" s="100"/>
      <c r="O31" s="31" t="s">
        <v>1</v>
      </c>
      <c r="P31" s="99" t="s">
        <v>31</v>
      </c>
      <c r="Q31" s="100"/>
      <c r="R31" s="31" t="s">
        <v>1</v>
      </c>
      <c r="S31" s="99" t="s">
        <v>385</v>
      </c>
      <c r="T31" s="99"/>
      <c r="U31" s="100"/>
      <c r="V31" s="31" t="s">
        <v>1</v>
      </c>
      <c r="W31" s="99" t="s">
        <v>385</v>
      </c>
      <c r="X31" s="99"/>
      <c r="Y31" s="152"/>
      <c r="Z31" s="4"/>
    </row>
    <row r="32" spans="1:28" customFormat="1" ht="28.5" hidden="1" customHeight="1">
      <c r="A32" s="64" t="s">
        <v>92</v>
      </c>
      <c r="B32" s="147" t="s">
        <v>1</v>
      </c>
      <c r="C32" s="148"/>
      <c r="D32" s="93" t="s">
        <v>1</v>
      </c>
      <c r="E32" s="94"/>
      <c r="F32" s="153" t="s">
        <v>1</v>
      </c>
      <c r="G32" s="154"/>
      <c r="H32" s="36" t="s">
        <v>1</v>
      </c>
      <c r="I32" s="99" t="s">
        <v>381</v>
      </c>
      <c r="J32" s="100"/>
      <c r="K32" s="31" t="s">
        <v>1</v>
      </c>
      <c r="L32" s="99" t="s">
        <v>384</v>
      </c>
      <c r="M32" s="99"/>
      <c r="N32" s="100"/>
      <c r="O32" s="31" t="s">
        <v>1</v>
      </c>
      <c r="P32" s="99" t="s">
        <v>31</v>
      </c>
      <c r="Q32" s="100"/>
      <c r="R32" s="31" t="s">
        <v>1</v>
      </c>
      <c r="S32" s="99" t="s">
        <v>385</v>
      </c>
      <c r="T32" s="99"/>
      <c r="U32" s="100"/>
      <c r="V32" s="31" t="s">
        <v>1</v>
      </c>
      <c r="W32" s="99" t="s">
        <v>385</v>
      </c>
      <c r="X32" s="99"/>
      <c r="Y32" s="152"/>
      <c r="Z32" s="4"/>
    </row>
    <row r="33" spans="1:26" customFormat="1" ht="28.5" hidden="1" customHeight="1">
      <c r="A33" s="64" t="s">
        <v>1</v>
      </c>
      <c r="B33" s="147" t="s">
        <v>1</v>
      </c>
      <c r="C33" s="148"/>
      <c r="D33" s="93" t="s">
        <v>1</v>
      </c>
      <c r="E33" s="94"/>
      <c r="F33" s="153" t="s">
        <v>1</v>
      </c>
      <c r="G33" s="154"/>
      <c r="H33" s="36" t="s">
        <v>5</v>
      </c>
      <c r="I33" s="99" t="s">
        <v>1</v>
      </c>
      <c r="J33" s="100"/>
      <c r="K33" s="31" t="s">
        <v>389</v>
      </c>
      <c r="L33" s="99" t="s">
        <v>1</v>
      </c>
      <c r="M33" s="99"/>
      <c r="N33" s="100"/>
      <c r="O33" s="31" t="s">
        <v>1</v>
      </c>
      <c r="P33" s="99" t="s">
        <v>1</v>
      </c>
      <c r="Q33" s="100"/>
      <c r="R33" s="31" t="s">
        <v>1</v>
      </c>
      <c r="S33" s="99" t="s">
        <v>1</v>
      </c>
      <c r="T33" s="99"/>
      <c r="U33" s="100"/>
      <c r="V33" s="31" t="s">
        <v>1</v>
      </c>
      <c r="W33" s="99" t="s">
        <v>1</v>
      </c>
      <c r="X33" s="99"/>
      <c r="Y33" s="152"/>
      <c r="Z33" s="4"/>
    </row>
    <row r="34" spans="1:26" customFormat="1" ht="28.5" hidden="1" customHeight="1">
      <c r="A34" s="64" t="s">
        <v>1</v>
      </c>
      <c r="B34" s="147" t="s">
        <v>1</v>
      </c>
      <c r="C34" s="148"/>
      <c r="D34" s="93" t="s">
        <v>1</v>
      </c>
      <c r="E34" s="94"/>
      <c r="F34" s="153" t="s">
        <v>1</v>
      </c>
      <c r="G34" s="154"/>
      <c r="H34" s="36" t="s">
        <v>94</v>
      </c>
      <c r="I34" s="99" t="s">
        <v>1</v>
      </c>
      <c r="J34" s="100"/>
      <c r="K34" s="31" t="s">
        <v>95</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96</v>
      </c>
      <c r="G35" s="154"/>
      <c r="H35" s="36" t="s">
        <v>1</v>
      </c>
      <c r="I35" s="99" t="s">
        <v>1</v>
      </c>
      <c r="J35" s="100"/>
      <c r="K35" s="31" t="s">
        <v>1</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1</v>
      </c>
      <c r="I36" s="99" t="s">
        <v>8</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381</v>
      </c>
      <c r="J45" s="120"/>
      <c r="K45" s="61" t="s">
        <v>1</v>
      </c>
      <c r="L45" s="119" t="s">
        <v>384</v>
      </c>
      <c r="M45" s="119"/>
      <c r="N45" s="120"/>
      <c r="O45" s="61" t="s">
        <v>1</v>
      </c>
      <c r="P45" s="119" t="s">
        <v>31</v>
      </c>
      <c r="Q45" s="120"/>
      <c r="R45" s="61" t="s">
        <v>1</v>
      </c>
      <c r="S45" s="119" t="s">
        <v>385</v>
      </c>
      <c r="T45" s="119"/>
      <c r="U45" s="120"/>
      <c r="V45" s="61" t="s">
        <v>1</v>
      </c>
      <c r="W45" s="119" t="s">
        <v>385</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389</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1" pageOrder="overThenDown" orientation="portrait" useFirstPageNumber="1"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367</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442</v>
      </c>
      <c r="C6" s="93" t="s">
        <v>1</v>
      </c>
      <c r="D6" s="94"/>
      <c r="E6" s="95" t="s">
        <v>1</v>
      </c>
      <c r="F6" s="96"/>
      <c r="G6" s="97" t="s">
        <v>368</v>
      </c>
      <c r="H6" s="97"/>
      <c r="I6" s="97"/>
      <c r="J6" s="90" t="s">
        <v>369</v>
      </c>
      <c r="K6" s="90"/>
      <c r="L6" s="90"/>
      <c r="M6" s="53" t="s">
        <v>1</v>
      </c>
      <c r="N6" s="91" t="s">
        <v>369</v>
      </c>
      <c r="O6" s="91"/>
      <c r="P6" s="92"/>
      <c r="Q6" s="90" t="s">
        <v>31</v>
      </c>
      <c r="R6" s="90"/>
      <c r="S6" s="90"/>
      <c r="T6" s="54"/>
      <c r="U6" s="91" t="s">
        <v>31</v>
      </c>
      <c r="V6" s="91"/>
      <c r="W6" s="92"/>
      <c r="X6" s="55" t="s">
        <v>1</v>
      </c>
      <c r="Y6" s="56" t="s">
        <v>370</v>
      </c>
      <c r="Z6" s="20"/>
      <c r="AA6" s="14"/>
      <c r="AB6" s="20"/>
    </row>
    <row r="7" spans="1:28" customFormat="1" ht="29.1" customHeight="1">
      <c r="A7" s="63" t="s">
        <v>1</v>
      </c>
      <c r="B7" s="51" t="s">
        <v>1</v>
      </c>
      <c r="C7" s="93" t="s">
        <v>26</v>
      </c>
      <c r="D7" s="94"/>
      <c r="E7" s="166" t="s">
        <v>443</v>
      </c>
      <c r="F7" s="102"/>
      <c r="G7" s="103" t="s">
        <v>371</v>
      </c>
      <c r="H7" s="103"/>
      <c r="I7" s="103"/>
      <c r="J7" s="98" t="s">
        <v>372</v>
      </c>
      <c r="K7" s="98"/>
      <c r="L7" s="98"/>
      <c r="M7" s="57" t="s">
        <v>1</v>
      </c>
      <c r="N7" s="99" t="s">
        <v>372</v>
      </c>
      <c r="O7" s="99"/>
      <c r="P7" s="100"/>
      <c r="Q7" s="98" t="s">
        <v>31</v>
      </c>
      <c r="R7" s="98"/>
      <c r="S7" s="98"/>
      <c r="T7" s="58"/>
      <c r="U7" s="99" t="s">
        <v>31</v>
      </c>
      <c r="V7" s="99"/>
      <c r="W7" s="100"/>
      <c r="X7" s="31" t="s">
        <v>1</v>
      </c>
      <c r="Y7" s="52" t="s">
        <v>373</v>
      </c>
      <c r="Z7" s="20"/>
      <c r="AA7" s="20"/>
      <c r="AB7" s="20"/>
    </row>
    <row r="8" spans="1:28" customFormat="1" ht="29.1" customHeight="1">
      <c r="A8" s="63" t="s">
        <v>1</v>
      </c>
      <c r="B8" s="51" t="s">
        <v>1</v>
      </c>
      <c r="C8" s="93" t="s">
        <v>40</v>
      </c>
      <c r="D8" s="94"/>
      <c r="E8" s="166" t="s">
        <v>444</v>
      </c>
      <c r="F8" s="102"/>
      <c r="G8" s="103" t="s">
        <v>374</v>
      </c>
      <c r="H8" s="103"/>
      <c r="I8" s="103"/>
      <c r="J8" s="98" t="s">
        <v>375</v>
      </c>
      <c r="K8" s="98"/>
      <c r="L8" s="98"/>
      <c r="M8" s="57" t="s">
        <v>1</v>
      </c>
      <c r="N8" s="99" t="s">
        <v>375</v>
      </c>
      <c r="O8" s="99"/>
      <c r="P8" s="100"/>
      <c r="Q8" s="98" t="s">
        <v>31</v>
      </c>
      <c r="R8" s="98"/>
      <c r="S8" s="98"/>
      <c r="T8" s="58"/>
      <c r="U8" s="99" t="s">
        <v>31</v>
      </c>
      <c r="V8" s="99"/>
      <c r="W8" s="100"/>
      <c r="X8" s="31" t="s">
        <v>44</v>
      </c>
      <c r="Y8" s="52" t="s">
        <v>376</v>
      </c>
      <c r="Z8" s="20"/>
      <c r="AA8" s="20"/>
      <c r="AB8" s="20"/>
    </row>
    <row r="9" spans="1:28" customFormat="1" ht="29.1" hidden="1" customHeight="1">
      <c r="A9" s="63" t="e">
        <v>#REF!</v>
      </c>
      <c r="B9" s="51" t="e">
        <v>#REF!</v>
      </c>
      <c r="C9" s="93" t="e">
        <v>#REF!</v>
      </c>
      <c r="D9" s="94"/>
      <c r="E9" s="101" t="e">
        <v>#REF!</v>
      </c>
      <c r="F9" s="102"/>
      <c r="G9" s="103" t="s">
        <v>368</v>
      </c>
      <c r="H9" s="103"/>
      <c r="I9" s="103"/>
      <c r="J9" s="98" t="e">
        <v>#REF!</v>
      </c>
      <c r="K9" s="98"/>
      <c r="L9" s="98"/>
      <c r="M9" s="57" t="s">
        <v>1</v>
      </c>
      <c r="N9" s="99" t="s">
        <v>369</v>
      </c>
      <c r="O9" s="99"/>
      <c r="P9" s="100"/>
      <c r="Q9" s="98" t="s">
        <v>31</v>
      </c>
      <c r="R9" s="98"/>
      <c r="S9" s="98"/>
      <c r="T9" s="58"/>
      <c r="U9" s="99" t="s">
        <v>31</v>
      </c>
      <c r="V9" s="99"/>
      <c r="W9" s="100"/>
      <c r="X9" s="31" t="s">
        <v>1</v>
      </c>
      <c r="Y9" s="52" t="s">
        <v>370</v>
      </c>
      <c r="Z9" s="20"/>
      <c r="AA9" s="20"/>
      <c r="AB9" s="20"/>
    </row>
    <row r="10" spans="1:28" customFormat="1" ht="29.1" hidden="1" customHeight="1">
      <c r="A10" s="63" t="e">
        <v>#REF!</v>
      </c>
      <c r="B10" s="51" t="e">
        <v>#REF!</v>
      </c>
      <c r="C10" s="93" t="e">
        <v>#REF!</v>
      </c>
      <c r="D10" s="94"/>
      <c r="E10" s="101" t="e">
        <v>#REF!</v>
      </c>
      <c r="F10" s="102"/>
      <c r="G10" s="103" t="s">
        <v>1</v>
      </c>
      <c r="H10" s="103"/>
      <c r="I10" s="103"/>
      <c r="J10" s="98" t="e">
        <v>#REF!</v>
      </c>
      <c r="K10" s="98"/>
      <c r="L10" s="98"/>
      <c r="M10" s="57" t="s">
        <v>1</v>
      </c>
      <c r="N10" s="99" t="s">
        <v>1</v>
      </c>
      <c r="O10" s="99"/>
      <c r="P10" s="100"/>
      <c r="Q10" s="98" t="s">
        <v>1</v>
      </c>
      <c r="R10" s="98"/>
      <c r="S10" s="98"/>
      <c r="T10" s="58"/>
      <c r="U10" s="99" t="s">
        <v>1</v>
      </c>
      <c r="V10" s="99"/>
      <c r="W10" s="100"/>
      <c r="X10" s="31" t="s">
        <v>1</v>
      </c>
      <c r="Y10" s="52" t="s">
        <v>1</v>
      </c>
      <c r="Z10" s="20"/>
      <c r="AA10" s="20"/>
      <c r="AB10" s="20"/>
    </row>
    <row r="11" spans="1:28" customFormat="1" ht="29.1" hidden="1" customHeight="1">
      <c r="A11" s="63" t="e">
        <v>#REF!</v>
      </c>
      <c r="B11" s="51" t="e">
        <v>#REF!</v>
      </c>
      <c r="C11" s="93" t="e">
        <v>#REF!</v>
      </c>
      <c r="D11" s="94"/>
      <c r="E11" s="101" t="e">
        <v>#REF!</v>
      </c>
      <c r="F11" s="102"/>
      <c r="G11" s="103" t="s">
        <v>1</v>
      </c>
      <c r="H11" s="103"/>
      <c r="I11" s="103"/>
      <c r="J11" s="98" t="e">
        <v>#REF!</v>
      </c>
      <c r="K11" s="98"/>
      <c r="L11" s="98"/>
      <c r="M11" s="57" t="s">
        <v>1</v>
      </c>
      <c r="N11" s="99" t="s">
        <v>1</v>
      </c>
      <c r="O11" s="99"/>
      <c r="P11" s="100"/>
      <c r="Q11" s="98" t="s">
        <v>1</v>
      </c>
      <c r="R11" s="98"/>
      <c r="S11" s="98"/>
      <c r="T11" s="58"/>
      <c r="U11" s="99" t="s">
        <v>1</v>
      </c>
      <c r="V11" s="99"/>
      <c r="W11" s="100"/>
      <c r="X11" s="31" t="s">
        <v>1</v>
      </c>
      <c r="Y11" s="52" t="s">
        <v>1</v>
      </c>
      <c r="Z11" s="20"/>
      <c r="AA11" s="20"/>
      <c r="AB11" s="20"/>
    </row>
    <row r="12" spans="1:28" customFormat="1" ht="29.1" hidden="1" customHeight="1">
      <c r="A12" s="63" t="e">
        <v>#REF!</v>
      </c>
      <c r="B12" s="51" t="e">
        <v>#REF!</v>
      </c>
      <c r="C12" s="93" t="e">
        <v>#REF!</v>
      </c>
      <c r="D12" s="94"/>
      <c r="E12" s="101" t="e">
        <v>#REF!</v>
      </c>
      <c r="F12" s="102"/>
      <c r="G12" s="103" t="s">
        <v>1</v>
      </c>
      <c r="H12" s="103"/>
      <c r="I12" s="103"/>
      <c r="J12" s="98" t="e">
        <v>#REF!</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e">
        <v>#REF!</v>
      </c>
      <c r="B13" s="51" t="e">
        <v>#REF!</v>
      </c>
      <c r="C13" s="93" t="e">
        <v>#REF!</v>
      </c>
      <c r="D13" s="94"/>
      <c r="E13" s="101" t="e">
        <v>#REF!</v>
      </c>
      <c r="F13" s="102"/>
      <c r="G13" s="103" t="s">
        <v>1</v>
      </c>
      <c r="H13" s="103"/>
      <c r="I13" s="103"/>
      <c r="J13" s="98" t="e">
        <v>#REF!</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e">
        <v>#REF!</v>
      </c>
      <c r="B14" s="51" t="e">
        <v>#REF!</v>
      </c>
      <c r="C14" s="93" t="e">
        <v>#REF!</v>
      </c>
      <c r="D14" s="94"/>
      <c r="E14" s="101" t="e">
        <v>#REF!</v>
      </c>
      <c r="F14" s="102"/>
      <c r="G14" s="103" t="s">
        <v>1</v>
      </c>
      <c r="H14" s="103"/>
      <c r="I14" s="103"/>
      <c r="J14" s="98" t="e">
        <v>#REF!</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e">
        <v>#REF!</v>
      </c>
      <c r="B15" s="51" t="e">
        <v>#REF!</v>
      </c>
      <c r="C15" s="93" t="e">
        <v>#REF!</v>
      </c>
      <c r="D15" s="94"/>
      <c r="E15" s="101" t="e">
        <v>#REF!</v>
      </c>
      <c r="F15" s="102"/>
      <c r="G15" s="103" t="s">
        <v>1</v>
      </c>
      <c r="H15" s="103"/>
      <c r="I15" s="103"/>
      <c r="J15" s="98" t="e">
        <v>#REF!</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e">
        <v>#REF!</v>
      </c>
      <c r="B16" s="51" t="e">
        <v>#REF!</v>
      </c>
      <c r="C16" s="93" t="e">
        <v>#REF!</v>
      </c>
      <c r="D16" s="94"/>
      <c r="E16" s="101" t="e">
        <v>#REF!</v>
      </c>
      <c r="F16" s="102"/>
      <c r="G16" s="103" t="s">
        <v>1</v>
      </c>
      <c r="H16" s="103"/>
      <c r="I16" s="103"/>
      <c r="J16" s="98" t="e">
        <v>#REF!</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e">
        <v>#REF!</v>
      </c>
      <c r="B17" s="51" t="e">
        <v>#REF!</v>
      </c>
      <c r="C17" s="93" t="e">
        <v>#REF!</v>
      </c>
      <c r="D17" s="94"/>
      <c r="E17" s="101" t="e">
        <v>#REF!</v>
      </c>
      <c r="F17" s="102"/>
      <c r="G17" s="103" t="s">
        <v>1</v>
      </c>
      <c r="H17" s="103"/>
      <c r="I17" s="103"/>
      <c r="J17" s="98" t="e">
        <v>#REF!</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e">
        <v>#REF!</v>
      </c>
      <c r="B18" s="51" t="e">
        <v>#REF!</v>
      </c>
      <c r="C18" s="93" t="e">
        <v>#REF!</v>
      </c>
      <c r="D18" s="94"/>
      <c r="E18" s="101" t="e">
        <v>#REF!</v>
      </c>
      <c r="F18" s="102"/>
      <c r="G18" s="103" t="s">
        <v>1</v>
      </c>
      <c r="H18" s="103"/>
      <c r="I18" s="103"/>
      <c r="J18" s="98" t="e">
        <v>#REF!</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e">
        <v>#REF!</v>
      </c>
      <c r="B19" s="51" t="e">
        <v>#REF!</v>
      </c>
      <c r="C19" s="93" t="e">
        <v>#REF!</v>
      </c>
      <c r="D19" s="94"/>
      <c r="E19" s="101" t="e">
        <v>#REF!</v>
      </c>
      <c r="F19" s="102"/>
      <c r="G19" s="103" t="s">
        <v>1</v>
      </c>
      <c r="H19" s="103"/>
      <c r="I19" s="103"/>
      <c r="J19" s="98" t="e">
        <v>#REF!</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e">
        <v>#REF!</v>
      </c>
      <c r="B20" s="51" t="e">
        <v>#REF!</v>
      </c>
      <c r="C20" s="93" t="e">
        <v>#REF!</v>
      </c>
      <c r="D20" s="94"/>
      <c r="E20" s="101" t="e">
        <v>#REF!</v>
      </c>
      <c r="F20" s="102"/>
      <c r="G20" s="103" t="s">
        <v>1</v>
      </c>
      <c r="H20" s="103"/>
      <c r="I20" s="103"/>
      <c r="J20" s="98" t="e">
        <v>#REF!</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e">
        <v>#REF!</v>
      </c>
      <c r="B21" s="51" t="e">
        <v>#REF!</v>
      </c>
      <c r="C21" s="93" t="e">
        <v>#REF!</v>
      </c>
      <c r="D21" s="94"/>
      <c r="E21" s="101" t="e">
        <v>#REF!</v>
      </c>
      <c r="F21" s="102"/>
      <c r="G21" s="103" t="s">
        <v>1</v>
      </c>
      <c r="H21" s="103"/>
      <c r="I21" s="103"/>
      <c r="J21" s="98" t="e">
        <v>#REF!</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e">
        <v>#REF!</v>
      </c>
      <c r="B22" s="51" t="e">
        <v>#REF!</v>
      </c>
      <c r="C22" s="111" t="e">
        <v>#REF!</v>
      </c>
      <c r="D22" s="112"/>
      <c r="E22" s="113" t="e">
        <v>#REF!</v>
      </c>
      <c r="F22" s="114"/>
      <c r="G22" s="115" t="s">
        <v>1</v>
      </c>
      <c r="H22" s="115"/>
      <c r="I22" s="115"/>
      <c r="J22" s="116" t="e">
        <v>#REF!</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368</v>
      </c>
      <c r="H23" s="124"/>
      <c r="I23" s="124"/>
      <c r="J23" s="121" t="s">
        <v>369</v>
      </c>
      <c r="K23" s="121"/>
      <c r="L23" s="121"/>
      <c r="M23" s="59" t="s">
        <v>1</v>
      </c>
      <c r="N23" s="119" t="s">
        <v>369</v>
      </c>
      <c r="O23" s="119"/>
      <c r="P23" s="120"/>
      <c r="Q23" s="121" t="s">
        <v>31</v>
      </c>
      <c r="R23" s="121"/>
      <c r="S23" s="121"/>
      <c r="T23" s="60"/>
      <c r="U23" s="119" t="s">
        <v>31</v>
      </c>
      <c r="V23" s="119"/>
      <c r="W23" s="120"/>
      <c r="X23" s="61" t="s">
        <v>1</v>
      </c>
      <c r="Y23" s="62" t="s">
        <v>370</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3"/>
      <c r="G28" s="144"/>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445</v>
      </c>
      <c r="C29" s="148"/>
      <c r="D29" s="159" t="s">
        <v>1</v>
      </c>
      <c r="E29" s="160"/>
      <c r="F29" s="161" t="s">
        <v>1</v>
      </c>
      <c r="G29" s="162"/>
      <c r="H29" s="65" t="s">
        <v>1</v>
      </c>
      <c r="I29" s="91" t="s">
        <v>368</v>
      </c>
      <c r="J29" s="92"/>
      <c r="K29" s="55" t="s">
        <v>1</v>
      </c>
      <c r="L29" s="91" t="s">
        <v>377</v>
      </c>
      <c r="M29" s="91"/>
      <c r="N29" s="92"/>
      <c r="O29" s="55" t="s">
        <v>1</v>
      </c>
      <c r="P29" s="91" t="s">
        <v>31</v>
      </c>
      <c r="Q29" s="92"/>
      <c r="R29" s="55" t="s">
        <v>1</v>
      </c>
      <c r="S29" s="91" t="s">
        <v>378</v>
      </c>
      <c r="T29" s="91"/>
      <c r="U29" s="92"/>
      <c r="V29" s="55" t="s">
        <v>1</v>
      </c>
      <c r="W29" s="91" t="s">
        <v>378</v>
      </c>
      <c r="X29" s="91"/>
      <c r="Y29" s="157"/>
      <c r="Z29" s="4"/>
    </row>
    <row r="30" spans="1:28" customFormat="1" ht="28.5" customHeight="1">
      <c r="A30" s="64" t="s">
        <v>1</v>
      </c>
      <c r="B30" s="147" t="s">
        <v>1</v>
      </c>
      <c r="C30" s="148"/>
      <c r="D30" s="93" t="s">
        <v>26</v>
      </c>
      <c r="E30" s="94"/>
      <c r="F30" s="158" t="s">
        <v>446</v>
      </c>
      <c r="G30" s="154"/>
      <c r="H30" s="36" t="s">
        <v>1</v>
      </c>
      <c r="I30" s="99" t="s">
        <v>368</v>
      </c>
      <c r="J30" s="100"/>
      <c r="K30" s="31" t="s">
        <v>1</v>
      </c>
      <c r="L30" s="99" t="s">
        <v>377</v>
      </c>
      <c r="M30" s="99"/>
      <c r="N30" s="100"/>
      <c r="O30" s="31" t="s">
        <v>1</v>
      </c>
      <c r="P30" s="99" t="s">
        <v>31</v>
      </c>
      <c r="Q30" s="100"/>
      <c r="R30" s="31" t="s">
        <v>1</v>
      </c>
      <c r="S30" s="99" t="s">
        <v>378</v>
      </c>
      <c r="T30" s="99"/>
      <c r="U30" s="100"/>
      <c r="V30" s="31" t="s">
        <v>1</v>
      </c>
      <c r="W30" s="99" t="s">
        <v>378</v>
      </c>
      <c r="X30" s="99"/>
      <c r="Y30" s="152"/>
      <c r="Z30" s="4"/>
    </row>
    <row r="31" spans="1:28" customFormat="1" ht="28.5" hidden="1" customHeight="1">
      <c r="A31" s="64" t="s">
        <v>92</v>
      </c>
      <c r="B31" s="147" t="s">
        <v>1</v>
      </c>
      <c r="C31" s="148"/>
      <c r="D31" s="93" t="s">
        <v>1</v>
      </c>
      <c r="E31" s="94"/>
      <c r="F31" s="153" t="s">
        <v>1</v>
      </c>
      <c r="G31" s="154"/>
      <c r="H31" s="36" t="s">
        <v>1</v>
      </c>
      <c r="I31" s="99" t="s">
        <v>368</v>
      </c>
      <c r="J31" s="100"/>
      <c r="K31" s="31" t="s">
        <v>1</v>
      </c>
      <c r="L31" s="99" t="s">
        <v>377</v>
      </c>
      <c r="M31" s="99"/>
      <c r="N31" s="100"/>
      <c r="O31" s="31" t="s">
        <v>1</v>
      </c>
      <c r="P31" s="99" t="s">
        <v>31</v>
      </c>
      <c r="Q31" s="100"/>
      <c r="R31" s="31" t="s">
        <v>1</v>
      </c>
      <c r="S31" s="99" t="s">
        <v>378</v>
      </c>
      <c r="T31" s="99"/>
      <c r="U31" s="100"/>
      <c r="V31" s="31" t="s">
        <v>1</v>
      </c>
      <c r="W31" s="99" t="s">
        <v>378</v>
      </c>
      <c r="X31" s="99"/>
      <c r="Y31" s="152"/>
      <c r="Z31" s="4"/>
    </row>
    <row r="32" spans="1:28" customFormat="1" ht="28.5" hidden="1" customHeight="1">
      <c r="A32" s="64" t="s">
        <v>1</v>
      </c>
      <c r="B32" s="147" t="s">
        <v>1</v>
      </c>
      <c r="C32" s="148"/>
      <c r="D32" s="93" t="s">
        <v>1</v>
      </c>
      <c r="E32" s="94"/>
      <c r="F32" s="153" t="s">
        <v>1</v>
      </c>
      <c r="G32" s="154"/>
      <c r="H32" s="36" t="s">
        <v>5</v>
      </c>
      <c r="I32" s="99" t="s">
        <v>1</v>
      </c>
      <c r="J32" s="100"/>
      <c r="K32" s="31" t="s">
        <v>379</v>
      </c>
      <c r="L32" s="99" t="s">
        <v>1</v>
      </c>
      <c r="M32" s="99"/>
      <c r="N32" s="100"/>
      <c r="O32" s="31" t="s">
        <v>1</v>
      </c>
      <c r="P32" s="99" t="s">
        <v>1</v>
      </c>
      <c r="Q32" s="100"/>
      <c r="R32" s="31" t="s">
        <v>1</v>
      </c>
      <c r="S32" s="99" t="s">
        <v>1</v>
      </c>
      <c r="T32" s="99"/>
      <c r="U32" s="100"/>
      <c r="V32" s="31" t="s">
        <v>1</v>
      </c>
      <c r="W32" s="99" t="s">
        <v>1</v>
      </c>
      <c r="X32" s="99"/>
      <c r="Y32" s="152"/>
      <c r="Z32" s="4"/>
    </row>
    <row r="33" spans="1:26" customFormat="1" ht="28.5" hidden="1" customHeight="1">
      <c r="A33" s="64" t="s">
        <v>1</v>
      </c>
      <c r="B33" s="147" t="s">
        <v>1</v>
      </c>
      <c r="C33" s="148"/>
      <c r="D33" s="93" t="s">
        <v>1</v>
      </c>
      <c r="E33" s="94"/>
      <c r="F33" s="153" t="s">
        <v>1</v>
      </c>
      <c r="G33" s="154"/>
      <c r="H33" s="36" t="s">
        <v>94</v>
      </c>
      <c r="I33" s="99" t="s">
        <v>1</v>
      </c>
      <c r="J33" s="100"/>
      <c r="K33" s="31" t="s">
        <v>95</v>
      </c>
      <c r="L33" s="99" t="s">
        <v>1</v>
      </c>
      <c r="M33" s="99"/>
      <c r="N33" s="100"/>
      <c r="O33" s="31" t="s">
        <v>1</v>
      </c>
      <c r="P33" s="99" t="s">
        <v>1</v>
      </c>
      <c r="Q33" s="100"/>
      <c r="R33" s="31" t="s">
        <v>1</v>
      </c>
      <c r="S33" s="99" t="s">
        <v>1</v>
      </c>
      <c r="T33" s="99"/>
      <c r="U33" s="100"/>
      <c r="V33" s="31" t="s">
        <v>1</v>
      </c>
      <c r="W33" s="99" t="s">
        <v>1</v>
      </c>
      <c r="X33" s="99"/>
      <c r="Y33" s="152"/>
      <c r="Z33" s="4"/>
    </row>
    <row r="34" spans="1:26" customFormat="1" ht="28.5" hidden="1" customHeight="1">
      <c r="A34" s="64" t="s">
        <v>1</v>
      </c>
      <c r="B34" s="147" t="s">
        <v>1</v>
      </c>
      <c r="C34" s="148"/>
      <c r="D34" s="93" t="s">
        <v>1</v>
      </c>
      <c r="E34" s="94"/>
      <c r="F34" s="153" t="s">
        <v>96</v>
      </c>
      <c r="G34" s="154"/>
      <c r="H34" s="36" t="s">
        <v>1</v>
      </c>
      <c r="I34" s="99" t="s">
        <v>1</v>
      </c>
      <c r="J34" s="100"/>
      <c r="K34" s="31" t="s">
        <v>1</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1</v>
      </c>
      <c r="G35" s="154"/>
      <c r="H35" s="36" t="s">
        <v>1</v>
      </c>
      <c r="I35" s="99" t="s">
        <v>8</v>
      </c>
      <c r="J35" s="100"/>
      <c r="K35" s="31" t="s">
        <v>1</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1</v>
      </c>
      <c r="I36" s="99" t="s">
        <v>1</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368</v>
      </c>
      <c r="J45" s="120"/>
      <c r="K45" s="61" t="s">
        <v>1</v>
      </c>
      <c r="L45" s="119" t="s">
        <v>377</v>
      </c>
      <c r="M45" s="119"/>
      <c r="N45" s="120"/>
      <c r="O45" s="61" t="s">
        <v>1</v>
      </c>
      <c r="P45" s="119" t="s">
        <v>31</v>
      </c>
      <c r="Q45" s="120"/>
      <c r="R45" s="61" t="s">
        <v>1</v>
      </c>
      <c r="S45" s="119" t="s">
        <v>378</v>
      </c>
      <c r="T45" s="119"/>
      <c r="U45" s="120"/>
      <c r="V45" s="61" t="s">
        <v>1</v>
      </c>
      <c r="W45" s="119" t="s">
        <v>378</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379</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2" pageOrder="overThenDown" orientation="portrait" useFirstPageNumber="1"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topLeftCell="A25" zoomScaleNormal="115"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344</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345</v>
      </c>
      <c r="C6" s="93" t="s">
        <v>1</v>
      </c>
      <c r="D6" s="94"/>
      <c r="E6" s="95" t="s">
        <v>1</v>
      </c>
      <c r="F6" s="96"/>
      <c r="G6" s="97" t="s">
        <v>346</v>
      </c>
      <c r="H6" s="97"/>
      <c r="I6" s="97"/>
      <c r="J6" s="90" t="s">
        <v>347</v>
      </c>
      <c r="K6" s="90"/>
      <c r="L6" s="90"/>
      <c r="M6" s="53" t="s">
        <v>1</v>
      </c>
      <c r="N6" s="91" t="s">
        <v>347</v>
      </c>
      <c r="O6" s="91"/>
      <c r="P6" s="92"/>
      <c r="Q6" s="90" t="s">
        <v>31</v>
      </c>
      <c r="R6" s="90"/>
      <c r="S6" s="90"/>
      <c r="T6" s="54"/>
      <c r="U6" s="91" t="s">
        <v>31</v>
      </c>
      <c r="V6" s="91"/>
      <c r="W6" s="92"/>
      <c r="X6" s="55" t="s">
        <v>44</v>
      </c>
      <c r="Y6" s="56" t="s">
        <v>348</v>
      </c>
      <c r="Z6" s="20"/>
      <c r="AA6" s="14"/>
      <c r="AB6" s="20"/>
    </row>
    <row r="7" spans="1:28" customFormat="1" ht="29.1" customHeight="1">
      <c r="A7" s="63" t="s">
        <v>1</v>
      </c>
      <c r="B7" s="51" t="s">
        <v>1</v>
      </c>
      <c r="C7" s="93" t="s">
        <v>26</v>
      </c>
      <c r="D7" s="94"/>
      <c r="E7" s="101" t="s">
        <v>121</v>
      </c>
      <c r="F7" s="102"/>
      <c r="G7" s="103" t="s">
        <v>152</v>
      </c>
      <c r="H7" s="103"/>
      <c r="I7" s="103"/>
      <c r="J7" s="98" t="s">
        <v>349</v>
      </c>
      <c r="K7" s="98"/>
      <c r="L7" s="98"/>
      <c r="M7" s="57" t="s">
        <v>1</v>
      </c>
      <c r="N7" s="99" t="s">
        <v>349</v>
      </c>
      <c r="O7" s="99"/>
      <c r="P7" s="100"/>
      <c r="Q7" s="98" t="s">
        <v>31</v>
      </c>
      <c r="R7" s="98"/>
      <c r="S7" s="98"/>
      <c r="T7" s="58"/>
      <c r="U7" s="99" t="s">
        <v>31</v>
      </c>
      <c r="V7" s="99"/>
      <c r="W7" s="100"/>
      <c r="X7" s="31" t="s">
        <v>44</v>
      </c>
      <c r="Y7" s="52" t="s">
        <v>350</v>
      </c>
      <c r="Z7" s="20"/>
      <c r="AA7" s="20"/>
      <c r="AB7" s="20"/>
    </row>
    <row r="8" spans="1:28" customFormat="1" ht="29.1" customHeight="1">
      <c r="A8" s="63" t="s">
        <v>1</v>
      </c>
      <c r="B8" s="51" t="s">
        <v>1</v>
      </c>
      <c r="C8" s="93" t="s">
        <v>40</v>
      </c>
      <c r="D8" s="94"/>
      <c r="E8" s="101" t="s">
        <v>64</v>
      </c>
      <c r="F8" s="102"/>
      <c r="G8" s="103" t="s">
        <v>351</v>
      </c>
      <c r="H8" s="103"/>
      <c r="I8" s="103"/>
      <c r="J8" s="98" t="s">
        <v>352</v>
      </c>
      <c r="K8" s="98"/>
      <c r="L8" s="98"/>
      <c r="M8" s="57" t="s">
        <v>1</v>
      </c>
      <c r="N8" s="99" t="s">
        <v>352</v>
      </c>
      <c r="O8" s="99"/>
      <c r="P8" s="100"/>
      <c r="Q8" s="98" t="s">
        <v>31</v>
      </c>
      <c r="R8" s="98"/>
      <c r="S8" s="98"/>
      <c r="T8" s="58"/>
      <c r="U8" s="99" t="s">
        <v>31</v>
      </c>
      <c r="V8" s="99"/>
      <c r="W8" s="100"/>
      <c r="X8" s="31" t="s">
        <v>44</v>
      </c>
      <c r="Y8" s="52" t="s">
        <v>353</v>
      </c>
      <c r="Z8" s="20"/>
      <c r="AA8" s="20"/>
      <c r="AB8" s="20"/>
    </row>
    <row r="9" spans="1:28" customFormat="1" ht="29.1" customHeight="1">
      <c r="A9" s="63" t="s">
        <v>1</v>
      </c>
      <c r="B9" s="51" t="s">
        <v>1</v>
      </c>
      <c r="C9" s="93" t="s">
        <v>46</v>
      </c>
      <c r="D9" s="94"/>
      <c r="E9" s="101" t="s">
        <v>41</v>
      </c>
      <c r="F9" s="102"/>
      <c r="G9" s="103" t="s">
        <v>354</v>
      </c>
      <c r="H9" s="103"/>
      <c r="I9" s="103"/>
      <c r="J9" s="98" t="s">
        <v>31</v>
      </c>
      <c r="K9" s="98"/>
      <c r="L9" s="98"/>
      <c r="M9" s="57" t="s">
        <v>1</v>
      </c>
      <c r="N9" s="99" t="s">
        <v>31</v>
      </c>
      <c r="O9" s="99"/>
      <c r="P9" s="100"/>
      <c r="Q9" s="98" t="s">
        <v>31</v>
      </c>
      <c r="R9" s="98"/>
      <c r="S9" s="98"/>
      <c r="T9" s="58"/>
      <c r="U9" s="99" t="s">
        <v>31</v>
      </c>
      <c r="V9" s="99"/>
      <c r="W9" s="100"/>
      <c r="X9" s="31" t="s">
        <v>44</v>
      </c>
      <c r="Y9" s="52" t="s">
        <v>354</v>
      </c>
      <c r="Z9" s="20"/>
      <c r="AA9" s="20"/>
      <c r="AB9" s="20"/>
    </row>
    <row r="10" spans="1:28" customFormat="1" ht="29.1" customHeight="1">
      <c r="A10" s="63" t="s">
        <v>1</v>
      </c>
      <c r="B10" s="51" t="s">
        <v>1</v>
      </c>
      <c r="C10" s="93" t="s">
        <v>51</v>
      </c>
      <c r="D10" s="94"/>
      <c r="E10" s="101" t="s">
        <v>47</v>
      </c>
      <c r="F10" s="102"/>
      <c r="G10" s="103" t="s">
        <v>246</v>
      </c>
      <c r="H10" s="103"/>
      <c r="I10" s="103"/>
      <c r="J10" s="98" t="s">
        <v>31</v>
      </c>
      <c r="K10" s="98"/>
      <c r="L10" s="98"/>
      <c r="M10" s="57" t="s">
        <v>1</v>
      </c>
      <c r="N10" s="99" t="s">
        <v>31</v>
      </c>
      <c r="O10" s="99"/>
      <c r="P10" s="100"/>
      <c r="Q10" s="98" t="s">
        <v>31</v>
      </c>
      <c r="R10" s="98"/>
      <c r="S10" s="98"/>
      <c r="T10" s="58"/>
      <c r="U10" s="99" t="s">
        <v>31</v>
      </c>
      <c r="V10" s="99"/>
      <c r="W10" s="100"/>
      <c r="X10" s="31" t="s">
        <v>44</v>
      </c>
      <c r="Y10" s="52" t="s">
        <v>246</v>
      </c>
      <c r="Z10" s="20"/>
      <c r="AA10" s="20"/>
      <c r="AB10" s="20"/>
    </row>
    <row r="11" spans="1:28" customFormat="1" ht="29.1" customHeight="1">
      <c r="A11" s="63" t="s">
        <v>1</v>
      </c>
      <c r="B11" s="51" t="s">
        <v>1</v>
      </c>
      <c r="C11" s="93" t="s">
        <v>58</v>
      </c>
      <c r="D11" s="94"/>
      <c r="E11" s="101" t="s">
        <v>52</v>
      </c>
      <c r="F11" s="102"/>
      <c r="G11" s="103" t="s">
        <v>355</v>
      </c>
      <c r="H11" s="103"/>
      <c r="I11" s="103"/>
      <c r="J11" s="98" t="s">
        <v>356</v>
      </c>
      <c r="K11" s="98"/>
      <c r="L11" s="98"/>
      <c r="M11" s="57" t="s">
        <v>1</v>
      </c>
      <c r="N11" s="99" t="s">
        <v>356</v>
      </c>
      <c r="O11" s="99"/>
      <c r="P11" s="100"/>
      <c r="Q11" s="98" t="s">
        <v>31</v>
      </c>
      <c r="R11" s="98"/>
      <c r="S11" s="98"/>
      <c r="T11" s="58"/>
      <c r="U11" s="99" t="s">
        <v>31</v>
      </c>
      <c r="V11" s="99"/>
      <c r="W11" s="100"/>
      <c r="X11" s="31" t="s">
        <v>44</v>
      </c>
      <c r="Y11" s="52" t="s">
        <v>357</v>
      </c>
      <c r="Z11" s="20"/>
      <c r="AA11" s="20"/>
      <c r="AB11" s="20"/>
    </row>
    <row r="12" spans="1:28" customFormat="1" ht="29.1" hidden="1" customHeight="1">
      <c r="A12" s="63" t="s">
        <v>68</v>
      </c>
      <c r="B12" s="51" t="s">
        <v>1</v>
      </c>
      <c r="C12" s="93" t="s">
        <v>1</v>
      </c>
      <c r="D12" s="94"/>
      <c r="E12" s="101" t="s">
        <v>1</v>
      </c>
      <c r="F12" s="102"/>
      <c r="G12" s="103" t="s">
        <v>346</v>
      </c>
      <c r="H12" s="103"/>
      <c r="I12" s="103"/>
      <c r="J12" s="98" t="s">
        <v>347</v>
      </c>
      <c r="K12" s="98"/>
      <c r="L12" s="98"/>
      <c r="M12" s="57" t="s">
        <v>1</v>
      </c>
      <c r="N12" s="99" t="s">
        <v>347</v>
      </c>
      <c r="O12" s="99"/>
      <c r="P12" s="100"/>
      <c r="Q12" s="98" t="s">
        <v>31</v>
      </c>
      <c r="R12" s="98"/>
      <c r="S12" s="98"/>
      <c r="T12" s="58"/>
      <c r="U12" s="99" t="s">
        <v>31</v>
      </c>
      <c r="V12" s="99"/>
      <c r="W12" s="100"/>
      <c r="X12" s="31" t="s">
        <v>44</v>
      </c>
      <c r="Y12" s="52" t="s">
        <v>348</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346</v>
      </c>
      <c r="H23" s="124"/>
      <c r="I23" s="124"/>
      <c r="J23" s="121" t="s">
        <v>347</v>
      </c>
      <c r="K23" s="121"/>
      <c r="L23" s="121"/>
      <c r="M23" s="59" t="s">
        <v>1</v>
      </c>
      <c r="N23" s="119" t="s">
        <v>347</v>
      </c>
      <c r="O23" s="119"/>
      <c r="P23" s="120"/>
      <c r="Q23" s="121" t="s">
        <v>31</v>
      </c>
      <c r="R23" s="121"/>
      <c r="S23" s="121"/>
      <c r="T23" s="60"/>
      <c r="U23" s="119" t="s">
        <v>31</v>
      </c>
      <c r="V23" s="119"/>
      <c r="W23" s="120"/>
      <c r="X23" s="61" t="s">
        <v>44</v>
      </c>
      <c r="Y23" s="62" t="s">
        <v>348</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358</v>
      </c>
      <c r="C29" s="148"/>
      <c r="D29" s="159" t="s">
        <v>1</v>
      </c>
      <c r="E29" s="160"/>
      <c r="F29" s="161" t="s">
        <v>1</v>
      </c>
      <c r="G29" s="162"/>
      <c r="H29" s="65" t="s">
        <v>1</v>
      </c>
      <c r="I29" s="91" t="s">
        <v>346</v>
      </c>
      <c r="J29" s="92"/>
      <c r="K29" s="55" t="s">
        <v>1</v>
      </c>
      <c r="L29" s="91" t="s">
        <v>347</v>
      </c>
      <c r="M29" s="91"/>
      <c r="N29" s="92"/>
      <c r="O29" s="55" t="s">
        <v>1</v>
      </c>
      <c r="P29" s="91" t="s">
        <v>31</v>
      </c>
      <c r="Q29" s="92"/>
      <c r="R29" s="55" t="s">
        <v>1</v>
      </c>
      <c r="S29" s="91" t="s">
        <v>348</v>
      </c>
      <c r="T29" s="91"/>
      <c r="U29" s="92"/>
      <c r="V29" s="55" t="s">
        <v>1</v>
      </c>
      <c r="W29" s="91" t="s">
        <v>348</v>
      </c>
      <c r="X29" s="91"/>
      <c r="Y29" s="157"/>
      <c r="Z29" s="4"/>
    </row>
    <row r="30" spans="1:28" customFormat="1" ht="28.5" customHeight="1">
      <c r="A30" s="64" t="s">
        <v>1</v>
      </c>
      <c r="B30" s="147" t="s">
        <v>1</v>
      </c>
      <c r="C30" s="148"/>
      <c r="D30" s="93" t="s">
        <v>26</v>
      </c>
      <c r="E30" s="94"/>
      <c r="F30" s="153" t="s">
        <v>359</v>
      </c>
      <c r="G30" s="154"/>
      <c r="H30" s="36" t="s">
        <v>1</v>
      </c>
      <c r="I30" s="99" t="s">
        <v>360</v>
      </c>
      <c r="J30" s="100"/>
      <c r="K30" s="31" t="s">
        <v>1</v>
      </c>
      <c r="L30" s="99" t="s">
        <v>361</v>
      </c>
      <c r="M30" s="99"/>
      <c r="N30" s="100"/>
      <c r="O30" s="31" t="s">
        <v>1</v>
      </c>
      <c r="P30" s="99" t="s">
        <v>31</v>
      </c>
      <c r="Q30" s="100"/>
      <c r="R30" s="31" t="s">
        <v>1</v>
      </c>
      <c r="S30" s="99" t="s">
        <v>362</v>
      </c>
      <c r="T30" s="99"/>
      <c r="U30" s="100"/>
      <c r="V30" s="31" t="s">
        <v>1</v>
      </c>
      <c r="W30" s="99" t="s">
        <v>362</v>
      </c>
      <c r="X30" s="99"/>
      <c r="Y30" s="152"/>
      <c r="Z30" s="4"/>
    </row>
    <row r="31" spans="1:28" customFormat="1" ht="28.5" customHeight="1">
      <c r="A31" s="64" t="s">
        <v>1</v>
      </c>
      <c r="B31" s="147" t="s">
        <v>1</v>
      </c>
      <c r="C31" s="148"/>
      <c r="D31" s="93" t="s">
        <v>40</v>
      </c>
      <c r="E31" s="94"/>
      <c r="F31" s="153" t="s">
        <v>363</v>
      </c>
      <c r="G31" s="154"/>
      <c r="H31" s="36" t="s">
        <v>1</v>
      </c>
      <c r="I31" s="99" t="s">
        <v>364</v>
      </c>
      <c r="J31" s="100"/>
      <c r="K31" s="31" t="s">
        <v>1</v>
      </c>
      <c r="L31" s="99" t="s">
        <v>365</v>
      </c>
      <c r="M31" s="99"/>
      <c r="N31" s="100"/>
      <c r="O31" s="31" t="s">
        <v>1</v>
      </c>
      <c r="P31" s="99" t="s">
        <v>31</v>
      </c>
      <c r="Q31" s="100"/>
      <c r="R31" s="31" t="s">
        <v>1</v>
      </c>
      <c r="S31" s="99" t="s">
        <v>366</v>
      </c>
      <c r="T31" s="99"/>
      <c r="U31" s="100"/>
      <c r="V31" s="31" t="s">
        <v>1</v>
      </c>
      <c r="W31" s="99" t="s">
        <v>366</v>
      </c>
      <c r="X31" s="99"/>
      <c r="Y31" s="152"/>
      <c r="Z31" s="4"/>
    </row>
    <row r="32" spans="1:28" customFormat="1" ht="28.5" hidden="1" customHeight="1">
      <c r="A32" s="64" t="s">
        <v>92</v>
      </c>
      <c r="B32" s="147" t="s">
        <v>1</v>
      </c>
      <c r="C32" s="148"/>
      <c r="D32" s="93" t="s">
        <v>1</v>
      </c>
      <c r="E32" s="94"/>
      <c r="F32" s="153" t="s">
        <v>1</v>
      </c>
      <c r="G32" s="154"/>
      <c r="H32" s="36" t="s">
        <v>1</v>
      </c>
      <c r="I32" s="99" t="s">
        <v>346</v>
      </c>
      <c r="J32" s="100"/>
      <c r="K32" s="31" t="s">
        <v>1</v>
      </c>
      <c r="L32" s="99" t="s">
        <v>347</v>
      </c>
      <c r="M32" s="99"/>
      <c r="N32" s="100"/>
      <c r="O32" s="31" t="s">
        <v>1</v>
      </c>
      <c r="P32" s="99" t="s">
        <v>31</v>
      </c>
      <c r="Q32" s="100"/>
      <c r="R32" s="31" t="s">
        <v>1</v>
      </c>
      <c r="S32" s="99" t="s">
        <v>348</v>
      </c>
      <c r="T32" s="99"/>
      <c r="U32" s="100"/>
      <c r="V32" s="31" t="s">
        <v>1</v>
      </c>
      <c r="W32" s="99" t="s">
        <v>348</v>
      </c>
      <c r="X32" s="99"/>
      <c r="Y32" s="152"/>
      <c r="Z32" s="4"/>
    </row>
    <row r="33" spans="1:26" customFormat="1" ht="28.5" hidden="1" customHeight="1">
      <c r="A33" s="64" t="s">
        <v>1</v>
      </c>
      <c r="B33" s="147" t="s">
        <v>1</v>
      </c>
      <c r="C33" s="148"/>
      <c r="D33" s="93" t="s">
        <v>1</v>
      </c>
      <c r="E33" s="94"/>
      <c r="F33" s="153" t="s">
        <v>1</v>
      </c>
      <c r="G33" s="154"/>
      <c r="H33" s="36" t="s">
        <v>5</v>
      </c>
      <c r="I33" s="99" t="s">
        <v>1</v>
      </c>
      <c r="J33" s="100"/>
      <c r="K33" s="31" t="s">
        <v>95</v>
      </c>
      <c r="L33" s="99" t="s">
        <v>1</v>
      </c>
      <c r="M33" s="99"/>
      <c r="N33" s="100"/>
      <c r="O33" s="31" t="s">
        <v>1</v>
      </c>
      <c r="P33" s="99" t="s">
        <v>1</v>
      </c>
      <c r="Q33" s="100"/>
      <c r="R33" s="31" t="s">
        <v>1</v>
      </c>
      <c r="S33" s="99" t="s">
        <v>1</v>
      </c>
      <c r="T33" s="99"/>
      <c r="U33" s="100"/>
      <c r="V33" s="31" t="s">
        <v>1</v>
      </c>
      <c r="W33" s="99" t="s">
        <v>1</v>
      </c>
      <c r="X33" s="99"/>
      <c r="Y33" s="152"/>
      <c r="Z33" s="4"/>
    </row>
    <row r="34" spans="1:26" customFormat="1" ht="28.5" hidden="1" customHeight="1">
      <c r="A34" s="64" t="s">
        <v>1</v>
      </c>
      <c r="B34" s="147" t="s">
        <v>1</v>
      </c>
      <c r="C34" s="148"/>
      <c r="D34" s="93" t="s">
        <v>1</v>
      </c>
      <c r="E34" s="94"/>
      <c r="F34" s="153" t="s">
        <v>1</v>
      </c>
      <c r="G34" s="154"/>
      <c r="H34" s="36" t="s">
        <v>94</v>
      </c>
      <c r="I34" s="99" t="s">
        <v>1</v>
      </c>
      <c r="J34" s="100"/>
      <c r="K34" s="31" t="s">
        <v>95</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96</v>
      </c>
      <c r="G35" s="154"/>
      <c r="H35" s="36" t="s">
        <v>1</v>
      </c>
      <c r="I35" s="99" t="s">
        <v>1</v>
      </c>
      <c r="J35" s="100"/>
      <c r="K35" s="31" t="s">
        <v>1</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1</v>
      </c>
      <c r="I36" s="99" t="s">
        <v>8</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346</v>
      </c>
      <c r="J45" s="120"/>
      <c r="K45" s="61" t="s">
        <v>1</v>
      </c>
      <c r="L45" s="119" t="s">
        <v>347</v>
      </c>
      <c r="M45" s="119"/>
      <c r="N45" s="120"/>
      <c r="O45" s="61" t="s">
        <v>1</v>
      </c>
      <c r="P45" s="119" t="s">
        <v>31</v>
      </c>
      <c r="Q45" s="120"/>
      <c r="R45" s="61" t="s">
        <v>1</v>
      </c>
      <c r="S45" s="119" t="s">
        <v>348</v>
      </c>
      <c r="T45" s="119"/>
      <c r="U45" s="120"/>
      <c r="V45" s="61" t="s">
        <v>1</v>
      </c>
      <c r="W45" s="119" t="s">
        <v>348</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95</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3" pageOrder="overThenDown" orientation="portrait" useFirstPageNumber="1"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zoomScaleNormal="100" workbookViewId="0">
      <selection activeCell="B39" sqref="B39:C39"/>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320</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321</v>
      </c>
      <c r="C6" s="93" t="s">
        <v>1</v>
      </c>
      <c r="D6" s="94"/>
      <c r="E6" s="95" t="s">
        <v>1</v>
      </c>
      <c r="F6" s="96"/>
      <c r="G6" s="97" t="s">
        <v>322</v>
      </c>
      <c r="H6" s="97"/>
      <c r="I6" s="97"/>
      <c r="J6" s="90" t="s">
        <v>323</v>
      </c>
      <c r="K6" s="90"/>
      <c r="L6" s="90"/>
      <c r="M6" s="53" t="s">
        <v>1</v>
      </c>
      <c r="N6" s="91" t="s">
        <v>323</v>
      </c>
      <c r="O6" s="91"/>
      <c r="P6" s="92"/>
      <c r="Q6" s="90" t="s">
        <v>31</v>
      </c>
      <c r="R6" s="90"/>
      <c r="S6" s="90"/>
      <c r="T6" s="54"/>
      <c r="U6" s="91" t="s">
        <v>31</v>
      </c>
      <c r="V6" s="91"/>
      <c r="W6" s="92"/>
      <c r="X6" s="55" t="s">
        <v>1</v>
      </c>
      <c r="Y6" s="56" t="s">
        <v>324</v>
      </c>
      <c r="Z6" s="20"/>
      <c r="AA6" s="14"/>
      <c r="AB6" s="20"/>
    </row>
    <row r="7" spans="1:28" customFormat="1" ht="29.1" customHeight="1">
      <c r="A7" s="63" t="s">
        <v>1</v>
      </c>
      <c r="B7" s="51" t="s">
        <v>1</v>
      </c>
      <c r="C7" s="93" t="s">
        <v>26</v>
      </c>
      <c r="D7" s="94"/>
      <c r="E7" s="101" t="s">
        <v>34</v>
      </c>
      <c r="F7" s="102"/>
      <c r="G7" s="103" t="s">
        <v>325</v>
      </c>
      <c r="H7" s="103"/>
      <c r="I7" s="103"/>
      <c r="J7" s="98" t="s">
        <v>326</v>
      </c>
      <c r="K7" s="98"/>
      <c r="L7" s="98"/>
      <c r="M7" s="57" t="s">
        <v>1</v>
      </c>
      <c r="N7" s="99" t="s">
        <v>326</v>
      </c>
      <c r="O7" s="99"/>
      <c r="P7" s="100"/>
      <c r="Q7" s="98" t="s">
        <v>31</v>
      </c>
      <c r="R7" s="98"/>
      <c r="S7" s="98"/>
      <c r="T7" s="58"/>
      <c r="U7" s="99" t="s">
        <v>31</v>
      </c>
      <c r="V7" s="99"/>
      <c r="W7" s="100"/>
      <c r="X7" s="31" t="s">
        <v>1</v>
      </c>
      <c r="Y7" s="52" t="s">
        <v>327</v>
      </c>
      <c r="Z7" s="20"/>
      <c r="AA7" s="20"/>
      <c r="AB7" s="20"/>
    </row>
    <row r="8" spans="1:28" customFormat="1" ht="29.1" customHeight="1">
      <c r="A8" s="63" t="s">
        <v>1</v>
      </c>
      <c r="B8" s="51" t="s">
        <v>1</v>
      </c>
      <c r="C8" s="93" t="s">
        <v>40</v>
      </c>
      <c r="D8" s="94"/>
      <c r="E8" s="101" t="s">
        <v>47</v>
      </c>
      <c r="F8" s="102"/>
      <c r="G8" s="103" t="s">
        <v>328</v>
      </c>
      <c r="H8" s="103"/>
      <c r="I8" s="103"/>
      <c r="J8" s="98" t="s">
        <v>329</v>
      </c>
      <c r="K8" s="98"/>
      <c r="L8" s="98"/>
      <c r="M8" s="57" t="s">
        <v>1</v>
      </c>
      <c r="N8" s="99" t="s">
        <v>329</v>
      </c>
      <c r="O8" s="99"/>
      <c r="P8" s="100"/>
      <c r="Q8" s="98" t="s">
        <v>31</v>
      </c>
      <c r="R8" s="98"/>
      <c r="S8" s="98"/>
      <c r="T8" s="58"/>
      <c r="U8" s="99" t="s">
        <v>31</v>
      </c>
      <c r="V8" s="99"/>
      <c r="W8" s="100"/>
      <c r="X8" s="31" t="s">
        <v>1</v>
      </c>
      <c r="Y8" s="52" t="s">
        <v>330</v>
      </c>
      <c r="Z8" s="20"/>
      <c r="AA8" s="20"/>
      <c r="AB8" s="20"/>
    </row>
    <row r="9" spans="1:28" customFormat="1" ht="29.1" customHeight="1">
      <c r="A9" s="63" t="s">
        <v>1</v>
      </c>
      <c r="B9" s="51" t="s">
        <v>1</v>
      </c>
      <c r="C9" s="93" t="s">
        <v>46</v>
      </c>
      <c r="D9" s="94"/>
      <c r="E9" s="101" t="s">
        <v>52</v>
      </c>
      <c r="F9" s="102"/>
      <c r="G9" s="103" t="s">
        <v>246</v>
      </c>
      <c r="H9" s="103"/>
      <c r="I9" s="103"/>
      <c r="J9" s="98" t="s">
        <v>331</v>
      </c>
      <c r="K9" s="98"/>
      <c r="L9" s="98"/>
      <c r="M9" s="57" t="s">
        <v>1</v>
      </c>
      <c r="N9" s="99" t="s">
        <v>331</v>
      </c>
      <c r="O9" s="99"/>
      <c r="P9" s="100"/>
      <c r="Q9" s="98" t="s">
        <v>31</v>
      </c>
      <c r="R9" s="98"/>
      <c r="S9" s="98"/>
      <c r="T9" s="58"/>
      <c r="U9" s="99" t="s">
        <v>31</v>
      </c>
      <c r="V9" s="99"/>
      <c r="W9" s="100"/>
      <c r="X9" s="31" t="s">
        <v>44</v>
      </c>
      <c r="Y9" s="52" t="s">
        <v>332</v>
      </c>
      <c r="Z9" s="20"/>
      <c r="AA9" s="20"/>
      <c r="AB9" s="20"/>
    </row>
    <row r="10" spans="1:28" customFormat="1" ht="29.1" customHeight="1">
      <c r="A10" s="63" t="s">
        <v>68</v>
      </c>
      <c r="B10" s="51" t="s">
        <v>1</v>
      </c>
      <c r="C10" s="93" t="s">
        <v>1</v>
      </c>
      <c r="D10" s="94"/>
      <c r="E10" s="101" t="s">
        <v>1</v>
      </c>
      <c r="F10" s="102"/>
      <c r="G10" s="103" t="s">
        <v>322</v>
      </c>
      <c r="H10" s="103"/>
      <c r="I10" s="103"/>
      <c r="J10" s="98" t="s">
        <v>323</v>
      </c>
      <c r="K10" s="98"/>
      <c r="L10" s="98"/>
      <c r="M10" s="57" t="s">
        <v>1</v>
      </c>
      <c r="N10" s="99" t="s">
        <v>323</v>
      </c>
      <c r="O10" s="99"/>
      <c r="P10" s="100"/>
      <c r="Q10" s="98" t="s">
        <v>31</v>
      </c>
      <c r="R10" s="98"/>
      <c r="S10" s="98"/>
      <c r="T10" s="58"/>
      <c r="U10" s="99" t="s">
        <v>31</v>
      </c>
      <c r="V10" s="99"/>
      <c r="W10" s="100"/>
      <c r="X10" s="31" t="s">
        <v>1</v>
      </c>
      <c r="Y10" s="52" t="s">
        <v>324</v>
      </c>
      <c r="Z10" s="20"/>
      <c r="AA10" s="20"/>
      <c r="AB10" s="20"/>
    </row>
    <row r="11" spans="1:28" customFormat="1" ht="29.1" customHeight="1">
      <c r="A11" s="63" t="s">
        <v>1</v>
      </c>
      <c r="B11" s="51" t="s">
        <v>1</v>
      </c>
      <c r="C11" s="93" t="s">
        <v>1</v>
      </c>
      <c r="D11" s="94"/>
      <c r="E11" s="101" t="s">
        <v>1</v>
      </c>
      <c r="F11" s="102"/>
      <c r="G11" s="103" t="s">
        <v>1</v>
      </c>
      <c r="H11" s="103"/>
      <c r="I11" s="103"/>
      <c r="J11" s="98" t="s">
        <v>1</v>
      </c>
      <c r="K11" s="98"/>
      <c r="L11" s="98"/>
      <c r="M11" s="57" t="s">
        <v>1</v>
      </c>
      <c r="N11" s="99" t="s">
        <v>1</v>
      </c>
      <c r="O11" s="99"/>
      <c r="P11" s="100"/>
      <c r="Q11" s="98" t="s">
        <v>1</v>
      </c>
      <c r="R11" s="98"/>
      <c r="S11" s="98"/>
      <c r="T11" s="58"/>
      <c r="U11" s="99" t="s">
        <v>1</v>
      </c>
      <c r="V11" s="99"/>
      <c r="W11" s="100"/>
      <c r="X11" s="31" t="s">
        <v>1</v>
      </c>
      <c r="Y11" s="52" t="s">
        <v>1</v>
      </c>
      <c r="Z11" s="20"/>
      <c r="AA11" s="20"/>
      <c r="AB11" s="20"/>
    </row>
    <row r="12" spans="1:28" customFormat="1" ht="29.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322</v>
      </c>
      <c r="H23" s="124"/>
      <c r="I23" s="124"/>
      <c r="J23" s="121" t="s">
        <v>323</v>
      </c>
      <c r="K23" s="121"/>
      <c r="L23" s="121"/>
      <c r="M23" s="59" t="s">
        <v>1</v>
      </c>
      <c r="N23" s="119" t="s">
        <v>323</v>
      </c>
      <c r="O23" s="119"/>
      <c r="P23" s="120"/>
      <c r="Q23" s="121" t="s">
        <v>31</v>
      </c>
      <c r="R23" s="121"/>
      <c r="S23" s="121"/>
      <c r="T23" s="60"/>
      <c r="U23" s="119" t="s">
        <v>31</v>
      </c>
      <c r="V23" s="119"/>
      <c r="W23" s="120"/>
      <c r="X23" s="61" t="s">
        <v>1</v>
      </c>
      <c r="Y23" s="62" t="s">
        <v>324</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3" t="s">
        <v>18</v>
      </c>
      <c r="G28" s="144"/>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e">
        <f>IF(#REF!="","",#REF!)</f>
        <v>#REF!</v>
      </c>
      <c r="B29" s="147" t="e">
        <f>IF(#REF!="","",#REF!)</f>
        <v>#REF!</v>
      </c>
      <c r="C29" s="148"/>
      <c r="D29" s="159" t="e">
        <f>IF(#REF!="","",#REF!)</f>
        <v>#REF!</v>
      </c>
      <c r="E29" s="160"/>
      <c r="F29" s="161" t="e">
        <f>IF(#REF!="","",#REF!)</f>
        <v>#REF!</v>
      </c>
      <c r="G29" s="162"/>
      <c r="H29" s="65" t="e">
        <f>IF(#REF!="","",#REF!)</f>
        <v>#REF!</v>
      </c>
      <c r="I29" s="91" t="e">
        <f>IF(#REF!="","",#REF!)</f>
        <v>#REF!</v>
      </c>
      <c r="J29" s="92"/>
      <c r="K29" s="55" t="e">
        <f>IF(#REF!="","",#REF!)</f>
        <v>#REF!</v>
      </c>
      <c r="L29" s="91" t="e">
        <f>IF(#REF!="","",#REF!)</f>
        <v>#REF!</v>
      </c>
      <c r="M29" s="91"/>
      <c r="N29" s="92"/>
      <c r="O29" s="55" t="e">
        <f>IF(#REF!="","",#REF!)</f>
        <v>#REF!</v>
      </c>
      <c r="P29" s="91" t="e">
        <f>IF(#REF!="","",#REF!)</f>
        <v>#REF!</v>
      </c>
      <c r="Q29" s="92"/>
      <c r="R29" s="55" t="e">
        <f>IF(#REF!="","",#REF!)</f>
        <v>#REF!</v>
      </c>
      <c r="S29" s="91" t="e">
        <f>IF(#REF!="","",#REF!)</f>
        <v>#REF!</v>
      </c>
      <c r="T29" s="91"/>
      <c r="U29" s="92"/>
      <c r="V29" s="55" t="e">
        <f>IF(#REF!="","",#REF!)</f>
        <v>#REF!</v>
      </c>
      <c r="W29" s="91" t="e">
        <f>IF(#REF!="","",#REF!)</f>
        <v>#REF!</v>
      </c>
      <c r="X29" s="91"/>
      <c r="Y29" s="157"/>
      <c r="Z29" s="4"/>
    </row>
    <row r="30" spans="1:28" customFormat="1" ht="28.5" customHeight="1">
      <c r="A30" s="64" t="e">
        <f>IF(#REF!="","",#REF!)</f>
        <v>#REF!</v>
      </c>
      <c r="B30" s="147" t="e">
        <f>IF(#REF!="","",#REF!)</f>
        <v>#REF!</v>
      </c>
      <c r="C30" s="148"/>
      <c r="D30" s="93" t="e">
        <f>IF(#REF!="","",#REF!)</f>
        <v>#REF!</v>
      </c>
      <c r="E30" s="94"/>
      <c r="F30" s="153" t="e">
        <f>IF(#REF!="","",#REF!)</f>
        <v>#REF!</v>
      </c>
      <c r="G30" s="154"/>
      <c r="H30" s="36" t="e">
        <f>IF(#REF!="","",#REF!)</f>
        <v>#REF!</v>
      </c>
      <c r="I30" s="99" t="e">
        <f>IF(#REF!="","",#REF!)</f>
        <v>#REF!</v>
      </c>
      <c r="J30" s="100"/>
      <c r="K30" s="31" t="e">
        <f>IF(#REF!="","",#REF!)</f>
        <v>#REF!</v>
      </c>
      <c r="L30" s="99" t="e">
        <f>IF(#REF!="","",#REF!)</f>
        <v>#REF!</v>
      </c>
      <c r="M30" s="99"/>
      <c r="N30" s="100"/>
      <c r="O30" s="31" t="e">
        <f>IF(#REF!="","",#REF!)</f>
        <v>#REF!</v>
      </c>
      <c r="P30" s="99" t="e">
        <f>IF(#REF!="","",#REF!)</f>
        <v>#REF!</v>
      </c>
      <c r="Q30" s="100"/>
      <c r="R30" s="31" t="e">
        <f>IF(#REF!="","",#REF!)</f>
        <v>#REF!</v>
      </c>
      <c r="S30" s="99" t="e">
        <f>IF(#REF!="","",#REF!)</f>
        <v>#REF!</v>
      </c>
      <c r="T30" s="99"/>
      <c r="U30" s="100"/>
      <c r="V30" s="31" t="e">
        <f>IF(#REF!="","",#REF!)</f>
        <v>#REF!</v>
      </c>
      <c r="W30" s="99" t="e">
        <f>IF(#REF!="","",#REF!)</f>
        <v>#REF!</v>
      </c>
      <c r="X30" s="99"/>
      <c r="Y30" s="152"/>
      <c r="Z30" s="4"/>
    </row>
    <row r="31" spans="1:28" customFormat="1" ht="28.5" customHeight="1">
      <c r="A31" s="64" t="e">
        <f>IF(#REF!="","",#REF!)</f>
        <v>#REF!</v>
      </c>
      <c r="B31" s="147" t="e">
        <f>IF(#REF!="","",#REF!)</f>
        <v>#REF!</v>
      </c>
      <c r="C31" s="148"/>
      <c r="D31" s="93" t="e">
        <f>IF(#REF!="","",#REF!)</f>
        <v>#REF!</v>
      </c>
      <c r="E31" s="94"/>
      <c r="F31" s="153" t="e">
        <f>IF(#REF!="","",#REF!)</f>
        <v>#REF!</v>
      </c>
      <c r="G31" s="154"/>
      <c r="H31" s="36" t="e">
        <f>IF(#REF!="","",#REF!)</f>
        <v>#REF!</v>
      </c>
      <c r="I31" s="99" t="e">
        <f>IF(#REF!="","",#REF!)</f>
        <v>#REF!</v>
      </c>
      <c r="J31" s="100"/>
      <c r="K31" s="31" t="e">
        <f>IF(#REF!="","",#REF!)</f>
        <v>#REF!</v>
      </c>
      <c r="L31" s="99" t="e">
        <f>IF(#REF!="","",#REF!)</f>
        <v>#REF!</v>
      </c>
      <c r="M31" s="99"/>
      <c r="N31" s="100"/>
      <c r="O31" s="31" t="e">
        <f>IF(#REF!="","",#REF!)</f>
        <v>#REF!</v>
      </c>
      <c r="P31" s="99" t="e">
        <f>IF(#REF!="","",#REF!)</f>
        <v>#REF!</v>
      </c>
      <c r="Q31" s="100"/>
      <c r="R31" s="31" t="e">
        <f>IF(#REF!="","",#REF!)</f>
        <v>#REF!</v>
      </c>
      <c r="S31" s="99" t="e">
        <f>IF(#REF!="","",#REF!)</f>
        <v>#REF!</v>
      </c>
      <c r="T31" s="99"/>
      <c r="U31" s="100"/>
      <c r="V31" s="31" t="e">
        <f>IF(#REF!="","",#REF!)</f>
        <v>#REF!</v>
      </c>
      <c r="W31" s="99" t="e">
        <f>IF(#REF!="","",#REF!)</f>
        <v>#REF!</v>
      </c>
      <c r="X31" s="99"/>
      <c r="Y31" s="152"/>
      <c r="Z31" s="4"/>
    </row>
    <row r="32" spans="1:28" customFormat="1" ht="28.5" customHeight="1">
      <c r="A32" s="64" t="e">
        <f>IF(#REF!="","",#REF!)</f>
        <v>#REF!</v>
      </c>
      <c r="B32" s="147" t="e">
        <f>IF(#REF!="","",#REF!)</f>
        <v>#REF!</v>
      </c>
      <c r="C32" s="148"/>
      <c r="D32" s="93" t="e">
        <f>IF(#REF!="","",#REF!)</f>
        <v>#REF!</v>
      </c>
      <c r="E32" s="94"/>
      <c r="F32" s="153" t="e">
        <f>IF(#REF!="","",#REF!)</f>
        <v>#REF!</v>
      </c>
      <c r="G32" s="154"/>
      <c r="H32" s="36" t="e">
        <f>IF(#REF!="","",#REF!)</f>
        <v>#REF!</v>
      </c>
      <c r="I32" s="99" t="e">
        <f>IF(#REF!="","",#REF!)</f>
        <v>#REF!</v>
      </c>
      <c r="J32" s="100"/>
      <c r="K32" s="31" t="e">
        <f>IF(#REF!="","",#REF!)</f>
        <v>#REF!</v>
      </c>
      <c r="L32" s="99" t="e">
        <f>IF(#REF!="","",#REF!)</f>
        <v>#REF!</v>
      </c>
      <c r="M32" s="99"/>
      <c r="N32" s="100"/>
      <c r="O32" s="31" t="e">
        <f>IF(#REF!="","",#REF!)</f>
        <v>#REF!</v>
      </c>
      <c r="P32" s="99" t="e">
        <f>IF(#REF!="","",#REF!)</f>
        <v>#REF!</v>
      </c>
      <c r="Q32" s="100"/>
      <c r="R32" s="31" t="e">
        <f>IF(#REF!="","",#REF!)</f>
        <v>#REF!</v>
      </c>
      <c r="S32" s="99" t="e">
        <f>IF(#REF!="","",#REF!)</f>
        <v>#REF!</v>
      </c>
      <c r="T32" s="99"/>
      <c r="U32" s="100"/>
      <c r="V32" s="31" t="e">
        <f>IF(#REF!="","",#REF!)</f>
        <v>#REF!</v>
      </c>
      <c r="W32" s="99" t="e">
        <f>IF(#REF!="","",#REF!)</f>
        <v>#REF!</v>
      </c>
      <c r="X32" s="99"/>
      <c r="Y32" s="152"/>
      <c r="Z32" s="4"/>
    </row>
    <row r="33" spans="1:26" customFormat="1" ht="28.5" customHeight="1">
      <c r="A33" s="64" t="e">
        <f>IF(#REF!="","",#REF!)</f>
        <v>#REF!</v>
      </c>
      <c r="B33" s="147" t="e">
        <f>IF(#REF!="","",#REF!)</f>
        <v>#REF!</v>
      </c>
      <c r="C33" s="148"/>
      <c r="D33" s="93" t="e">
        <f>IF(#REF!="","",#REF!)</f>
        <v>#REF!</v>
      </c>
      <c r="E33" s="94"/>
      <c r="F33" s="153" t="e">
        <f>IF(#REF!="","",#REF!)</f>
        <v>#REF!</v>
      </c>
      <c r="G33" s="154"/>
      <c r="H33" s="36" t="e">
        <f>IF(#REF!="","",#REF!)</f>
        <v>#REF!</v>
      </c>
      <c r="I33" s="99" t="e">
        <f>IF(#REF!="","",#REF!)</f>
        <v>#REF!</v>
      </c>
      <c r="J33" s="100"/>
      <c r="K33" s="31" t="e">
        <f>IF(#REF!="","",#REF!)</f>
        <v>#REF!</v>
      </c>
      <c r="L33" s="99" t="e">
        <f>IF(#REF!="","",#REF!)</f>
        <v>#REF!</v>
      </c>
      <c r="M33" s="99"/>
      <c r="N33" s="100"/>
      <c r="O33" s="31" t="e">
        <f>IF(#REF!="","",#REF!)</f>
        <v>#REF!</v>
      </c>
      <c r="P33" s="99" t="e">
        <f>IF(#REF!="","",#REF!)</f>
        <v>#REF!</v>
      </c>
      <c r="Q33" s="100"/>
      <c r="R33" s="31" t="e">
        <f>IF(#REF!="","",#REF!)</f>
        <v>#REF!</v>
      </c>
      <c r="S33" s="99" t="e">
        <f>IF(#REF!="","",#REF!)</f>
        <v>#REF!</v>
      </c>
      <c r="T33" s="99"/>
      <c r="U33" s="100"/>
      <c r="V33" s="31" t="e">
        <f>IF(#REF!="","",#REF!)</f>
        <v>#REF!</v>
      </c>
      <c r="W33" s="99" t="e">
        <f>IF(#REF!="","",#REF!)</f>
        <v>#REF!</v>
      </c>
      <c r="X33" s="99"/>
      <c r="Y33" s="152"/>
      <c r="Z33" s="4"/>
    </row>
    <row r="34" spans="1:26" customFormat="1" ht="28.5" customHeight="1">
      <c r="A34" s="64" t="e">
        <f>IF(#REF!="","",#REF!)</f>
        <v>#REF!</v>
      </c>
      <c r="B34" s="147" t="e">
        <f>IF(#REF!="","",#REF!)</f>
        <v>#REF!</v>
      </c>
      <c r="C34" s="148"/>
      <c r="D34" s="93" t="e">
        <f>IF(#REF!="","",#REF!)</f>
        <v>#REF!</v>
      </c>
      <c r="E34" s="94"/>
      <c r="F34" s="153" t="e">
        <f>IF(#REF!="","",#REF!)</f>
        <v>#REF!</v>
      </c>
      <c r="G34" s="154"/>
      <c r="H34" s="36" t="e">
        <f>IF(#REF!="","",#REF!)</f>
        <v>#REF!</v>
      </c>
      <c r="I34" s="99" t="e">
        <f>IF(#REF!="","",#REF!)</f>
        <v>#REF!</v>
      </c>
      <c r="J34" s="100"/>
      <c r="K34" s="31" t="e">
        <f>IF(#REF!="","",#REF!)</f>
        <v>#REF!</v>
      </c>
      <c r="L34" s="99" t="e">
        <f>IF(#REF!="","",#REF!)</f>
        <v>#REF!</v>
      </c>
      <c r="M34" s="99"/>
      <c r="N34" s="100"/>
      <c r="O34" s="31" t="e">
        <f>IF(#REF!="","",#REF!)</f>
        <v>#REF!</v>
      </c>
      <c r="P34" s="99" t="e">
        <f>IF(#REF!="","",#REF!)</f>
        <v>#REF!</v>
      </c>
      <c r="Q34" s="100"/>
      <c r="R34" s="31" t="e">
        <f>IF(#REF!="","",#REF!)</f>
        <v>#REF!</v>
      </c>
      <c r="S34" s="99" t="e">
        <f>IF(#REF!="","",#REF!)</f>
        <v>#REF!</v>
      </c>
      <c r="T34" s="99"/>
      <c r="U34" s="100"/>
      <c r="V34" s="31" t="e">
        <f>IF(#REF!="","",#REF!)</f>
        <v>#REF!</v>
      </c>
      <c r="W34" s="99" t="e">
        <f>IF(#REF!="","",#REF!)</f>
        <v>#REF!</v>
      </c>
      <c r="X34" s="99"/>
      <c r="Y34" s="152"/>
      <c r="Z34" s="4"/>
    </row>
    <row r="35" spans="1:26" customFormat="1" ht="28.5" customHeight="1">
      <c r="A35" s="64" t="e">
        <f>IF(#REF!="","",#REF!)</f>
        <v>#REF!</v>
      </c>
      <c r="B35" s="147" t="e">
        <f>IF(#REF!="","",#REF!)</f>
        <v>#REF!</v>
      </c>
      <c r="C35" s="148"/>
      <c r="D35" s="93" t="e">
        <f>IF(#REF!="","",#REF!)</f>
        <v>#REF!</v>
      </c>
      <c r="E35" s="94"/>
      <c r="F35" s="153" t="e">
        <f>IF(#REF!="","",#REF!)</f>
        <v>#REF!</v>
      </c>
      <c r="G35" s="154"/>
      <c r="H35" s="36" t="e">
        <f>IF(#REF!="","",#REF!)</f>
        <v>#REF!</v>
      </c>
      <c r="I35" s="99" t="e">
        <f>IF(#REF!="","",#REF!)</f>
        <v>#REF!</v>
      </c>
      <c r="J35" s="100"/>
      <c r="K35" s="31" t="e">
        <f>IF(#REF!="","",#REF!)</f>
        <v>#REF!</v>
      </c>
      <c r="L35" s="99" t="e">
        <f>IF(#REF!="","",#REF!)</f>
        <v>#REF!</v>
      </c>
      <c r="M35" s="99"/>
      <c r="N35" s="100"/>
      <c r="O35" s="31" t="e">
        <f>IF(#REF!="","",#REF!)</f>
        <v>#REF!</v>
      </c>
      <c r="P35" s="99" t="e">
        <f>IF(#REF!="","",#REF!)</f>
        <v>#REF!</v>
      </c>
      <c r="Q35" s="100"/>
      <c r="R35" s="31" t="e">
        <f>IF(#REF!="","",#REF!)</f>
        <v>#REF!</v>
      </c>
      <c r="S35" s="99" t="e">
        <f>IF(#REF!="","",#REF!)</f>
        <v>#REF!</v>
      </c>
      <c r="T35" s="99"/>
      <c r="U35" s="100"/>
      <c r="V35" s="31" t="e">
        <f>IF(#REF!="","",#REF!)</f>
        <v>#REF!</v>
      </c>
      <c r="W35" s="99" t="e">
        <f>IF(#REF!="","",#REF!)</f>
        <v>#REF!</v>
      </c>
      <c r="X35" s="99"/>
      <c r="Y35" s="152"/>
      <c r="Z35" s="4"/>
    </row>
    <row r="36" spans="1:26" customFormat="1" ht="28.5" customHeight="1">
      <c r="A36" s="64" t="e">
        <f>IF(#REF!="","",#REF!)</f>
        <v>#REF!</v>
      </c>
      <c r="B36" s="147" t="e">
        <f>IF(#REF!="","",#REF!)</f>
        <v>#REF!</v>
      </c>
      <c r="C36" s="148"/>
      <c r="D36" s="93" t="e">
        <f>IF(#REF!="","",#REF!)</f>
        <v>#REF!</v>
      </c>
      <c r="E36" s="94"/>
      <c r="F36" s="153" t="e">
        <f>IF(#REF!="","",#REF!)</f>
        <v>#REF!</v>
      </c>
      <c r="G36" s="154"/>
      <c r="H36" s="36" t="e">
        <f>IF(#REF!="","",#REF!)</f>
        <v>#REF!</v>
      </c>
      <c r="I36" s="99" t="e">
        <f>IF(#REF!="","",#REF!)</f>
        <v>#REF!</v>
      </c>
      <c r="J36" s="100"/>
      <c r="K36" s="31" t="e">
        <f>IF(#REF!="","",#REF!)</f>
        <v>#REF!</v>
      </c>
      <c r="L36" s="99" t="e">
        <f>IF(#REF!="","",#REF!)</f>
        <v>#REF!</v>
      </c>
      <c r="M36" s="99"/>
      <c r="N36" s="100"/>
      <c r="O36" s="31" t="e">
        <f>IF(#REF!="","",#REF!)</f>
        <v>#REF!</v>
      </c>
      <c r="P36" s="99" t="e">
        <f>IF(#REF!="","",#REF!)</f>
        <v>#REF!</v>
      </c>
      <c r="Q36" s="100"/>
      <c r="R36" s="31" t="e">
        <f>IF(#REF!="","",#REF!)</f>
        <v>#REF!</v>
      </c>
      <c r="S36" s="99" t="e">
        <f>IF(#REF!="","",#REF!)</f>
        <v>#REF!</v>
      </c>
      <c r="T36" s="99"/>
      <c r="U36" s="100"/>
      <c r="V36" s="31" t="e">
        <f>IF(#REF!="","",#REF!)</f>
        <v>#REF!</v>
      </c>
      <c r="W36" s="99" t="e">
        <f>IF(#REF!="","",#REF!)</f>
        <v>#REF!</v>
      </c>
      <c r="X36" s="99"/>
      <c r="Y36" s="152"/>
      <c r="Z36" s="4"/>
    </row>
    <row r="37" spans="1:26" customFormat="1" ht="28.5" customHeight="1">
      <c r="A37" s="64" t="e">
        <f>IF(#REF!="","",#REF!)</f>
        <v>#REF!</v>
      </c>
      <c r="B37" s="147" t="e">
        <f>IF(#REF!="","",#REF!)</f>
        <v>#REF!</v>
      </c>
      <c r="C37" s="148"/>
      <c r="D37" s="93" t="e">
        <f>IF(#REF!="","",#REF!)</f>
        <v>#REF!</v>
      </c>
      <c r="E37" s="94"/>
      <c r="F37" s="153" t="e">
        <f>IF(#REF!="","",#REF!)</f>
        <v>#REF!</v>
      </c>
      <c r="G37" s="154"/>
      <c r="H37" s="36" t="e">
        <f>IF(#REF!="","",#REF!)</f>
        <v>#REF!</v>
      </c>
      <c r="I37" s="99" t="e">
        <f>IF(#REF!="","",#REF!)</f>
        <v>#REF!</v>
      </c>
      <c r="J37" s="100"/>
      <c r="K37" s="31" t="e">
        <f>IF(#REF!="","",#REF!)</f>
        <v>#REF!</v>
      </c>
      <c r="L37" s="99" t="e">
        <f>IF(#REF!="","",#REF!)</f>
        <v>#REF!</v>
      </c>
      <c r="M37" s="99"/>
      <c r="N37" s="100"/>
      <c r="O37" s="31" t="e">
        <f>IF(#REF!="","",#REF!)</f>
        <v>#REF!</v>
      </c>
      <c r="P37" s="99" t="e">
        <f>IF(#REF!="","",#REF!)</f>
        <v>#REF!</v>
      </c>
      <c r="Q37" s="100"/>
      <c r="R37" s="31" t="e">
        <f>IF(#REF!="","",#REF!)</f>
        <v>#REF!</v>
      </c>
      <c r="S37" s="99" t="e">
        <f>IF(#REF!="","",#REF!)</f>
        <v>#REF!</v>
      </c>
      <c r="T37" s="99"/>
      <c r="U37" s="100"/>
      <c r="V37" s="31" t="e">
        <f>IF(#REF!="","",#REF!)</f>
        <v>#REF!</v>
      </c>
      <c r="W37" s="99" t="e">
        <f>IF(#REF!="","",#REF!)</f>
        <v>#REF!</v>
      </c>
      <c r="X37" s="99"/>
      <c r="Y37" s="152"/>
      <c r="Z37" s="4"/>
    </row>
    <row r="38" spans="1:26" customFormat="1" ht="28.5" customHeight="1">
      <c r="A38" s="64" t="e">
        <f>IF(#REF!="","",#REF!)</f>
        <v>#REF!</v>
      </c>
      <c r="B38" s="147" t="e">
        <f>IF(#REF!="","",#REF!)</f>
        <v>#REF!</v>
      </c>
      <c r="C38" s="148"/>
      <c r="D38" s="93" t="e">
        <f>IF(#REF!="","",#REF!)</f>
        <v>#REF!</v>
      </c>
      <c r="E38" s="94"/>
      <c r="F38" s="153" t="e">
        <f>IF(#REF!="","",#REF!)</f>
        <v>#REF!</v>
      </c>
      <c r="G38" s="154"/>
      <c r="H38" s="36" t="e">
        <f>IF(#REF!="","",#REF!)</f>
        <v>#REF!</v>
      </c>
      <c r="I38" s="99" t="e">
        <f>IF(#REF!="","",#REF!)</f>
        <v>#REF!</v>
      </c>
      <c r="J38" s="100"/>
      <c r="K38" s="31" t="e">
        <f>IF(#REF!="","",#REF!)</f>
        <v>#REF!</v>
      </c>
      <c r="L38" s="99" t="e">
        <f>IF(#REF!="","",#REF!)</f>
        <v>#REF!</v>
      </c>
      <c r="M38" s="99"/>
      <c r="N38" s="100"/>
      <c r="O38" s="31" t="e">
        <f>IF(#REF!="","",#REF!)</f>
        <v>#REF!</v>
      </c>
      <c r="P38" s="99" t="e">
        <f>IF(#REF!="","",#REF!)</f>
        <v>#REF!</v>
      </c>
      <c r="Q38" s="100"/>
      <c r="R38" s="31" t="e">
        <f>IF(#REF!="","",#REF!)</f>
        <v>#REF!</v>
      </c>
      <c r="S38" s="99" t="e">
        <f>IF(#REF!="","",#REF!)</f>
        <v>#REF!</v>
      </c>
      <c r="T38" s="99"/>
      <c r="U38" s="100"/>
      <c r="V38" s="31" t="e">
        <f>IF(#REF!="","",#REF!)</f>
        <v>#REF!</v>
      </c>
      <c r="W38" s="99" t="e">
        <f>IF(#REF!="","",#REF!)</f>
        <v>#REF!</v>
      </c>
      <c r="X38" s="99"/>
      <c r="Y38" s="152"/>
      <c r="Z38" s="4"/>
    </row>
    <row r="39" spans="1:26" customFormat="1" ht="28.5" customHeight="1">
      <c r="A39" s="64" t="e">
        <f>IF(#REF!="","",#REF!)</f>
        <v>#REF!</v>
      </c>
      <c r="B39" s="147" t="e">
        <f>IF(#REF!="","",#REF!)</f>
        <v>#REF!</v>
      </c>
      <c r="C39" s="148"/>
      <c r="D39" s="93" t="e">
        <f>IF(#REF!="","",#REF!)</f>
        <v>#REF!</v>
      </c>
      <c r="E39" s="94"/>
      <c r="F39" s="153" t="e">
        <f>IF(#REF!="","",#REF!)</f>
        <v>#REF!</v>
      </c>
      <c r="G39" s="154"/>
      <c r="H39" s="36" t="e">
        <f>IF(#REF!="","",#REF!)</f>
        <v>#REF!</v>
      </c>
      <c r="I39" s="99" t="e">
        <f>IF(#REF!="","",#REF!)</f>
        <v>#REF!</v>
      </c>
      <c r="J39" s="100"/>
      <c r="K39" s="31" t="e">
        <f>IF(#REF!="","",#REF!)</f>
        <v>#REF!</v>
      </c>
      <c r="L39" s="99" t="e">
        <f>IF(#REF!="","",#REF!)</f>
        <v>#REF!</v>
      </c>
      <c r="M39" s="99"/>
      <c r="N39" s="100"/>
      <c r="O39" s="31" t="e">
        <f>IF(#REF!="","",#REF!)</f>
        <v>#REF!</v>
      </c>
      <c r="P39" s="99" t="e">
        <f>IF(#REF!="","",#REF!)</f>
        <v>#REF!</v>
      </c>
      <c r="Q39" s="100"/>
      <c r="R39" s="31" t="e">
        <f>IF(#REF!="","",#REF!)</f>
        <v>#REF!</v>
      </c>
      <c r="S39" s="99" t="e">
        <f>IF(#REF!="","",#REF!)</f>
        <v>#REF!</v>
      </c>
      <c r="T39" s="99"/>
      <c r="U39" s="100"/>
      <c r="V39" s="31" t="e">
        <f>IF(#REF!="","",#REF!)</f>
        <v>#REF!</v>
      </c>
      <c r="W39" s="99" t="e">
        <f>IF(#REF!="","",#REF!)</f>
        <v>#REF!</v>
      </c>
      <c r="X39" s="99"/>
      <c r="Y39" s="152"/>
      <c r="Z39" s="4"/>
    </row>
    <row r="40" spans="1:26" customFormat="1" ht="28.5" customHeight="1">
      <c r="A40" s="64" t="e">
        <f>IF(#REF!="","",#REF!)</f>
        <v>#REF!</v>
      </c>
      <c r="B40" s="147" t="e">
        <f>IF(#REF!="","",#REF!)</f>
        <v>#REF!</v>
      </c>
      <c r="C40" s="148"/>
      <c r="D40" s="93" t="e">
        <f>IF(#REF!="","",#REF!)</f>
        <v>#REF!</v>
      </c>
      <c r="E40" s="94"/>
      <c r="F40" s="153" t="e">
        <f>IF(#REF!="","",#REF!)</f>
        <v>#REF!</v>
      </c>
      <c r="G40" s="154"/>
      <c r="H40" s="36" t="e">
        <f>IF(#REF!="","",#REF!)</f>
        <v>#REF!</v>
      </c>
      <c r="I40" s="99" t="e">
        <f>IF(#REF!="","",#REF!)</f>
        <v>#REF!</v>
      </c>
      <c r="J40" s="100"/>
      <c r="K40" s="31" t="e">
        <f>IF(#REF!="","",#REF!)</f>
        <v>#REF!</v>
      </c>
      <c r="L40" s="99" t="e">
        <f>IF(#REF!="","",#REF!)</f>
        <v>#REF!</v>
      </c>
      <c r="M40" s="99"/>
      <c r="N40" s="100"/>
      <c r="O40" s="31" t="e">
        <f>IF(#REF!="","",#REF!)</f>
        <v>#REF!</v>
      </c>
      <c r="P40" s="99" t="e">
        <f>IF(#REF!="","",#REF!)</f>
        <v>#REF!</v>
      </c>
      <c r="Q40" s="100"/>
      <c r="R40" s="31" t="e">
        <f>IF(#REF!="","",#REF!)</f>
        <v>#REF!</v>
      </c>
      <c r="S40" s="99" t="e">
        <f>IF(#REF!="","",#REF!)</f>
        <v>#REF!</v>
      </c>
      <c r="T40" s="99"/>
      <c r="U40" s="100"/>
      <c r="V40" s="31" t="e">
        <f>IF(#REF!="","",#REF!)</f>
        <v>#REF!</v>
      </c>
      <c r="W40" s="99" t="e">
        <f>IF(#REF!="","",#REF!)</f>
        <v>#REF!</v>
      </c>
      <c r="X40" s="99"/>
      <c r="Y40" s="152"/>
      <c r="Z40" s="4"/>
    </row>
    <row r="41" spans="1:26" customFormat="1" ht="28.5" customHeight="1">
      <c r="A41" s="64" t="e">
        <f>IF(#REF!="","",#REF!)</f>
        <v>#REF!</v>
      </c>
      <c r="B41" s="147" t="e">
        <f>IF(#REF!="","",#REF!)</f>
        <v>#REF!</v>
      </c>
      <c r="C41" s="148"/>
      <c r="D41" s="93" t="e">
        <f>IF(#REF!="","",#REF!)</f>
        <v>#REF!</v>
      </c>
      <c r="E41" s="94"/>
      <c r="F41" s="153" t="e">
        <f>IF(#REF!="","",#REF!)</f>
        <v>#REF!</v>
      </c>
      <c r="G41" s="154"/>
      <c r="H41" s="36" t="e">
        <f>IF(#REF!="","",#REF!)</f>
        <v>#REF!</v>
      </c>
      <c r="I41" s="99" t="e">
        <f>IF(#REF!="","",#REF!)</f>
        <v>#REF!</v>
      </c>
      <c r="J41" s="100"/>
      <c r="K41" s="31" t="e">
        <f>IF(#REF!="","",#REF!)</f>
        <v>#REF!</v>
      </c>
      <c r="L41" s="99" t="e">
        <f>IF(#REF!="","",#REF!)</f>
        <v>#REF!</v>
      </c>
      <c r="M41" s="99"/>
      <c r="N41" s="100"/>
      <c r="O41" s="31" t="e">
        <f>IF(#REF!="","",#REF!)</f>
        <v>#REF!</v>
      </c>
      <c r="P41" s="99" t="e">
        <f>IF(#REF!="","",#REF!)</f>
        <v>#REF!</v>
      </c>
      <c r="Q41" s="100"/>
      <c r="R41" s="31" t="e">
        <f>IF(#REF!="","",#REF!)</f>
        <v>#REF!</v>
      </c>
      <c r="S41" s="99" t="e">
        <f>IF(#REF!="","",#REF!)</f>
        <v>#REF!</v>
      </c>
      <c r="T41" s="99"/>
      <c r="U41" s="100"/>
      <c r="V41" s="31" t="e">
        <f>IF(#REF!="","",#REF!)</f>
        <v>#REF!</v>
      </c>
      <c r="W41" s="99" t="e">
        <f>IF(#REF!="","",#REF!)</f>
        <v>#REF!</v>
      </c>
      <c r="X41" s="99"/>
      <c r="Y41" s="152"/>
      <c r="Z41" s="4"/>
    </row>
    <row r="42" spans="1:26" customFormat="1" ht="28.5" customHeight="1">
      <c r="A42" s="64" t="e">
        <f>IF(#REF!="","",#REF!)</f>
        <v>#REF!</v>
      </c>
      <c r="B42" s="147" t="e">
        <f>IF(#REF!="","",#REF!)</f>
        <v>#REF!</v>
      </c>
      <c r="C42" s="148"/>
      <c r="D42" s="93" t="e">
        <f>IF(#REF!="","",#REF!)</f>
        <v>#REF!</v>
      </c>
      <c r="E42" s="94"/>
      <c r="F42" s="153" t="e">
        <f>IF(#REF!="","",#REF!)</f>
        <v>#REF!</v>
      </c>
      <c r="G42" s="154"/>
      <c r="H42" s="36" t="e">
        <f>IF(#REF!="","",#REF!)</f>
        <v>#REF!</v>
      </c>
      <c r="I42" s="99" t="e">
        <f>IF(#REF!="","",#REF!)</f>
        <v>#REF!</v>
      </c>
      <c r="J42" s="100"/>
      <c r="K42" s="31" t="e">
        <f>IF(#REF!="","",#REF!)</f>
        <v>#REF!</v>
      </c>
      <c r="L42" s="99" t="e">
        <f>IF(#REF!="","",#REF!)</f>
        <v>#REF!</v>
      </c>
      <c r="M42" s="99"/>
      <c r="N42" s="100"/>
      <c r="O42" s="31" t="e">
        <f>IF(#REF!="","",#REF!)</f>
        <v>#REF!</v>
      </c>
      <c r="P42" s="99" t="e">
        <f>IF(#REF!="","",#REF!)</f>
        <v>#REF!</v>
      </c>
      <c r="Q42" s="100"/>
      <c r="R42" s="31" t="e">
        <f>IF(#REF!="","",#REF!)</f>
        <v>#REF!</v>
      </c>
      <c r="S42" s="99" t="e">
        <f>IF(#REF!="","",#REF!)</f>
        <v>#REF!</v>
      </c>
      <c r="T42" s="99"/>
      <c r="U42" s="100"/>
      <c r="V42" s="31" t="e">
        <f>IF(#REF!="","",#REF!)</f>
        <v>#REF!</v>
      </c>
      <c r="W42" s="99" t="e">
        <f>IF(#REF!="","",#REF!)</f>
        <v>#REF!</v>
      </c>
      <c r="X42" s="99"/>
      <c r="Y42" s="152"/>
      <c r="Z42" s="4"/>
    </row>
    <row r="43" spans="1:26" customFormat="1" ht="28.5" customHeight="1">
      <c r="A43" s="64" t="e">
        <f>IF(#REF!="","",#REF!)</f>
        <v>#REF!</v>
      </c>
      <c r="B43" s="147" t="e">
        <f>IF(#REF!="","",#REF!)</f>
        <v>#REF!</v>
      </c>
      <c r="C43" s="148"/>
      <c r="D43" s="93" t="e">
        <f>IF(#REF!="","",#REF!)</f>
        <v>#REF!</v>
      </c>
      <c r="E43" s="94"/>
      <c r="F43" s="153" t="e">
        <f>IF(#REF!="","",#REF!)</f>
        <v>#REF!</v>
      </c>
      <c r="G43" s="154"/>
      <c r="H43" s="36" t="e">
        <f>IF(#REF!="","",#REF!)</f>
        <v>#REF!</v>
      </c>
      <c r="I43" s="99" t="e">
        <f>IF(#REF!="","",#REF!)</f>
        <v>#REF!</v>
      </c>
      <c r="J43" s="100"/>
      <c r="K43" s="31" t="e">
        <f>IF(#REF!="","",#REF!)</f>
        <v>#REF!</v>
      </c>
      <c r="L43" s="99" t="e">
        <f>IF(#REF!="","",#REF!)</f>
        <v>#REF!</v>
      </c>
      <c r="M43" s="99"/>
      <c r="N43" s="100"/>
      <c r="O43" s="31" t="e">
        <f>IF(#REF!="","",#REF!)</f>
        <v>#REF!</v>
      </c>
      <c r="P43" s="99" t="e">
        <f>IF(#REF!="","",#REF!)</f>
        <v>#REF!</v>
      </c>
      <c r="Q43" s="100"/>
      <c r="R43" s="31" t="e">
        <f>IF(#REF!="","",#REF!)</f>
        <v>#REF!</v>
      </c>
      <c r="S43" s="99" t="e">
        <f>IF(#REF!="","",#REF!)</f>
        <v>#REF!</v>
      </c>
      <c r="T43" s="99"/>
      <c r="U43" s="100"/>
      <c r="V43" s="31" t="e">
        <f>IF(#REF!="","",#REF!)</f>
        <v>#REF!</v>
      </c>
      <c r="W43" s="99" t="e">
        <f>IF(#REF!="","",#REF!)</f>
        <v>#REF!</v>
      </c>
      <c r="X43" s="99"/>
      <c r="Y43" s="152"/>
      <c r="Z43" s="4"/>
    </row>
    <row r="44" spans="1:26" customFormat="1" ht="28.5" customHeight="1">
      <c r="A44" s="64" t="e">
        <f>IF(#REF!="","",#REF!)</f>
        <v>#REF!</v>
      </c>
      <c r="B44" s="147" t="e">
        <f>IF(#REF!="","",#REF!)</f>
        <v>#REF!</v>
      </c>
      <c r="C44" s="148"/>
      <c r="D44" s="111" t="e">
        <f>IF(#REF!="","",#REF!)</f>
        <v>#REF!</v>
      </c>
      <c r="E44" s="112"/>
      <c r="F44" s="149" t="e">
        <f>IF(#REF!="","",#REF!)</f>
        <v>#REF!</v>
      </c>
      <c r="G44" s="150"/>
      <c r="H44" s="45" t="e">
        <f>IF(#REF!="","",#REF!)</f>
        <v>#REF!</v>
      </c>
      <c r="I44" s="117" t="e">
        <f>IF(#REF!="","",#REF!)</f>
        <v>#REF!</v>
      </c>
      <c r="J44" s="118"/>
      <c r="K44" s="46" t="e">
        <f>IF(#REF!="","",#REF!)</f>
        <v>#REF!</v>
      </c>
      <c r="L44" s="117" t="e">
        <f>IF(#REF!="","",#REF!)</f>
        <v>#REF!</v>
      </c>
      <c r="M44" s="117"/>
      <c r="N44" s="118"/>
      <c r="O44" s="46" t="e">
        <f>IF(#REF!="","",#REF!)</f>
        <v>#REF!</v>
      </c>
      <c r="P44" s="117" t="e">
        <f>IF(#REF!="","",#REF!)</f>
        <v>#REF!</v>
      </c>
      <c r="Q44" s="118"/>
      <c r="R44" s="46" t="e">
        <f>IF(#REF!="","",#REF!)</f>
        <v>#REF!</v>
      </c>
      <c r="S44" s="117" t="e">
        <f>IF(#REF!="","",#REF!)</f>
        <v>#REF!</v>
      </c>
      <c r="T44" s="117"/>
      <c r="U44" s="118"/>
      <c r="V44" s="46" t="e">
        <f>IF(#REF!="","",#REF!)</f>
        <v>#REF!</v>
      </c>
      <c r="W44" s="117" t="e">
        <f>IF(#REF!="","",#REF!)</f>
        <v>#REF!</v>
      </c>
      <c r="X44" s="117"/>
      <c r="Y44" s="146"/>
      <c r="Z44" s="4"/>
    </row>
    <row r="45" spans="1:26" s="6" customFormat="1" ht="28.5" customHeight="1">
      <c r="A45" s="122" t="s">
        <v>4</v>
      </c>
      <c r="B45" s="123"/>
      <c r="C45" s="123"/>
      <c r="D45" s="123"/>
      <c r="E45" s="123"/>
      <c r="F45" s="123"/>
      <c r="G45" s="123"/>
      <c r="H45" s="66" t="e">
        <f>IF(#REF!="","",#REF!)</f>
        <v>#REF!</v>
      </c>
      <c r="I45" s="119" t="e">
        <f>IF(#REF!="","",#REF!)</f>
        <v>#REF!</v>
      </c>
      <c r="J45" s="120"/>
      <c r="K45" s="61" t="e">
        <f>IF(#REF!="","",#REF!)</f>
        <v>#REF!</v>
      </c>
      <c r="L45" s="119" t="e">
        <f>IF(#REF!="","",#REF!)</f>
        <v>#REF!</v>
      </c>
      <c r="M45" s="119"/>
      <c r="N45" s="120"/>
      <c r="O45" s="61" t="e">
        <f>IF(#REF!="","",#REF!)</f>
        <v>#REF!</v>
      </c>
      <c r="P45" s="119" t="e">
        <f>IF(#REF!="","",#REF!)</f>
        <v>#REF!</v>
      </c>
      <c r="Q45" s="120"/>
      <c r="R45" s="61" t="e">
        <f>IF(#REF!="","",#REF!)</f>
        <v>#REF!</v>
      </c>
      <c r="S45" s="119" t="e">
        <f>IF(#REF!="","",#REF!)</f>
        <v>#REF!</v>
      </c>
      <c r="T45" s="119"/>
      <c r="U45" s="120"/>
      <c r="V45" s="61" t="e">
        <f>IF(#REF!="","",#REF!)</f>
        <v>#REF!</v>
      </c>
      <c r="W45" s="119" t="e">
        <f>IF(#REF!="","",#REF!)</f>
        <v>#REF!</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e">
        <f>IF(#REF!="","",#REF!)</f>
        <v>#REF!</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e">
        <f>IF(#REF!="","",#REF!)</f>
        <v>#REF!</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7</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pageOrder="overThenDown"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320</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321</v>
      </c>
      <c r="C6" s="93" t="s">
        <v>1</v>
      </c>
      <c r="D6" s="94"/>
      <c r="E6" s="95" t="s">
        <v>1</v>
      </c>
      <c r="F6" s="96"/>
      <c r="G6" s="97" t="s">
        <v>322</v>
      </c>
      <c r="H6" s="97"/>
      <c r="I6" s="97"/>
      <c r="J6" s="90" t="s">
        <v>323</v>
      </c>
      <c r="K6" s="90"/>
      <c r="L6" s="90"/>
      <c r="M6" s="53" t="s">
        <v>1</v>
      </c>
      <c r="N6" s="91" t="s">
        <v>323</v>
      </c>
      <c r="O6" s="91"/>
      <c r="P6" s="92"/>
      <c r="Q6" s="90" t="s">
        <v>31</v>
      </c>
      <c r="R6" s="90"/>
      <c r="S6" s="90"/>
      <c r="T6" s="54"/>
      <c r="U6" s="91" t="s">
        <v>31</v>
      </c>
      <c r="V6" s="91"/>
      <c r="W6" s="92"/>
      <c r="X6" s="55" t="s">
        <v>1</v>
      </c>
      <c r="Y6" s="56" t="s">
        <v>324</v>
      </c>
      <c r="Z6" s="20"/>
      <c r="AA6" s="14"/>
      <c r="AB6" s="20"/>
    </row>
    <row r="7" spans="1:28" customFormat="1" ht="29.1" customHeight="1">
      <c r="A7" s="63" t="s">
        <v>1</v>
      </c>
      <c r="B7" s="51" t="s">
        <v>1</v>
      </c>
      <c r="C7" s="93" t="s">
        <v>26</v>
      </c>
      <c r="D7" s="94"/>
      <c r="E7" s="101" t="s">
        <v>34</v>
      </c>
      <c r="F7" s="102"/>
      <c r="G7" s="103" t="s">
        <v>325</v>
      </c>
      <c r="H7" s="103"/>
      <c r="I7" s="103"/>
      <c r="J7" s="98" t="s">
        <v>326</v>
      </c>
      <c r="K7" s="98"/>
      <c r="L7" s="98"/>
      <c r="M7" s="57" t="s">
        <v>1</v>
      </c>
      <c r="N7" s="99" t="s">
        <v>326</v>
      </c>
      <c r="O7" s="99"/>
      <c r="P7" s="100"/>
      <c r="Q7" s="98" t="s">
        <v>31</v>
      </c>
      <c r="R7" s="98"/>
      <c r="S7" s="98"/>
      <c r="T7" s="58"/>
      <c r="U7" s="99" t="s">
        <v>31</v>
      </c>
      <c r="V7" s="99"/>
      <c r="W7" s="100"/>
      <c r="X7" s="31" t="s">
        <v>1</v>
      </c>
      <c r="Y7" s="52" t="s">
        <v>327</v>
      </c>
      <c r="Z7" s="20"/>
      <c r="AA7" s="20"/>
      <c r="AB7" s="20"/>
    </row>
    <row r="8" spans="1:28" customFormat="1" ht="29.1" customHeight="1">
      <c r="A8" s="63" t="s">
        <v>1</v>
      </c>
      <c r="B8" s="51" t="s">
        <v>1</v>
      </c>
      <c r="C8" s="93" t="s">
        <v>40</v>
      </c>
      <c r="D8" s="94"/>
      <c r="E8" s="101" t="s">
        <v>47</v>
      </c>
      <c r="F8" s="102"/>
      <c r="G8" s="103" t="s">
        <v>328</v>
      </c>
      <c r="H8" s="103"/>
      <c r="I8" s="103"/>
      <c r="J8" s="98" t="s">
        <v>329</v>
      </c>
      <c r="K8" s="98"/>
      <c r="L8" s="98"/>
      <c r="M8" s="57" t="s">
        <v>1</v>
      </c>
      <c r="N8" s="99" t="s">
        <v>329</v>
      </c>
      <c r="O8" s="99"/>
      <c r="P8" s="100"/>
      <c r="Q8" s="98" t="s">
        <v>31</v>
      </c>
      <c r="R8" s="98"/>
      <c r="S8" s="98"/>
      <c r="T8" s="58"/>
      <c r="U8" s="99" t="s">
        <v>31</v>
      </c>
      <c r="V8" s="99"/>
      <c r="W8" s="100"/>
      <c r="X8" s="31" t="s">
        <v>1</v>
      </c>
      <c r="Y8" s="52" t="s">
        <v>330</v>
      </c>
      <c r="Z8" s="20"/>
      <c r="AA8" s="20"/>
      <c r="AB8" s="20"/>
    </row>
    <row r="9" spans="1:28" customFormat="1" ht="29.1" customHeight="1">
      <c r="A9" s="63" t="s">
        <v>1</v>
      </c>
      <c r="B9" s="51" t="s">
        <v>1</v>
      </c>
      <c r="C9" s="93" t="s">
        <v>46</v>
      </c>
      <c r="D9" s="94"/>
      <c r="E9" s="101" t="s">
        <v>52</v>
      </c>
      <c r="F9" s="102"/>
      <c r="G9" s="103" t="s">
        <v>246</v>
      </c>
      <c r="H9" s="103"/>
      <c r="I9" s="103"/>
      <c r="J9" s="98" t="s">
        <v>331</v>
      </c>
      <c r="K9" s="98"/>
      <c r="L9" s="98"/>
      <c r="M9" s="57" t="s">
        <v>1</v>
      </c>
      <c r="N9" s="99" t="s">
        <v>331</v>
      </c>
      <c r="O9" s="99"/>
      <c r="P9" s="100"/>
      <c r="Q9" s="98" t="s">
        <v>31</v>
      </c>
      <c r="R9" s="98"/>
      <c r="S9" s="98"/>
      <c r="T9" s="58"/>
      <c r="U9" s="99" t="s">
        <v>31</v>
      </c>
      <c r="V9" s="99"/>
      <c r="W9" s="100"/>
      <c r="X9" s="31" t="s">
        <v>44</v>
      </c>
      <c r="Y9" s="52" t="s">
        <v>332</v>
      </c>
      <c r="Z9" s="20"/>
      <c r="AA9" s="20"/>
      <c r="AB9" s="20"/>
    </row>
    <row r="10" spans="1:28" customFormat="1" ht="29.1" hidden="1" customHeight="1">
      <c r="A10" s="63" t="s">
        <v>68</v>
      </c>
      <c r="B10" s="51" t="s">
        <v>1</v>
      </c>
      <c r="C10" s="93" t="s">
        <v>1</v>
      </c>
      <c r="D10" s="94"/>
      <c r="E10" s="101" t="s">
        <v>1</v>
      </c>
      <c r="F10" s="102"/>
      <c r="G10" s="103" t="s">
        <v>322</v>
      </c>
      <c r="H10" s="103"/>
      <c r="I10" s="103"/>
      <c r="J10" s="98" t="s">
        <v>323</v>
      </c>
      <c r="K10" s="98"/>
      <c r="L10" s="98"/>
      <c r="M10" s="57" t="s">
        <v>1</v>
      </c>
      <c r="N10" s="99" t="s">
        <v>323</v>
      </c>
      <c r="O10" s="99"/>
      <c r="P10" s="100"/>
      <c r="Q10" s="98" t="s">
        <v>31</v>
      </c>
      <c r="R10" s="98"/>
      <c r="S10" s="98"/>
      <c r="T10" s="58"/>
      <c r="U10" s="99" t="s">
        <v>31</v>
      </c>
      <c r="V10" s="99"/>
      <c r="W10" s="100"/>
      <c r="X10" s="31" t="s">
        <v>1</v>
      </c>
      <c r="Y10" s="52" t="s">
        <v>324</v>
      </c>
      <c r="Z10" s="20"/>
      <c r="AA10" s="20"/>
      <c r="AB10" s="20"/>
    </row>
    <row r="11" spans="1:28" customFormat="1" ht="29.1" hidden="1" customHeight="1">
      <c r="A11" s="63" t="s">
        <v>1</v>
      </c>
      <c r="B11" s="51" t="s">
        <v>1</v>
      </c>
      <c r="C11" s="93" t="s">
        <v>1</v>
      </c>
      <c r="D11" s="94"/>
      <c r="E11" s="101" t="s">
        <v>1</v>
      </c>
      <c r="F11" s="102"/>
      <c r="G11" s="103" t="s">
        <v>1</v>
      </c>
      <c r="H11" s="103"/>
      <c r="I11" s="103"/>
      <c r="J11" s="98" t="s">
        <v>1</v>
      </c>
      <c r="K11" s="98"/>
      <c r="L11" s="98"/>
      <c r="M11" s="57" t="s">
        <v>1</v>
      </c>
      <c r="N11" s="99" t="s">
        <v>1</v>
      </c>
      <c r="O11" s="99"/>
      <c r="P11" s="100"/>
      <c r="Q11" s="98" t="s">
        <v>1</v>
      </c>
      <c r="R11" s="98"/>
      <c r="S11" s="98"/>
      <c r="T11" s="58"/>
      <c r="U11" s="99" t="s">
        <v>1</v>
      </c>
      <c r="V11" s="99"/>
      <c r="W11" s="100"/>
      <c r="X11" s="31" t="s">
        <v>1</v>
      </c>
      <c r="Y11" s="52" t="s">
        <v>1</v>
      </c>
      <c r="Z11" s="20"/>
      <c r="AA11" s="20"/>
      <c r="AB11" s="20"/>
    </row>
    <row r="12" spans="1:28" customFormat="1" ht="29.1" hidden="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322</v>
      </c>
      <c r="H23" s="124"/>
      <c r="I23" s="124"/>
      <c r="J23" s="121" t="s">
        <v>323</v>
      </c>
      <c r="K23" s="121"/>
      <c r="L23" s="121"/>
      <c r="M23" s="59" t="s">
        <v>1</v>
      </c>
      <c r="N23" s="119" t="s">
        <v>323</v>
      </c>
      <c r="O23" s="119"/>
      <c r="P23" s="120"/>
      <c r="Q23" s="121" t="s">
        <v>31</v>
      </c>
      <c r="R23" s="121"/>
      <c r="S23" s="121"/>
      <c r="T23" s="60"/>
      <c r="U23" s="119" t="s">
        <v>31</v>
      </c>
      <c r="V23" s="119"/>
      <c r="W23" s="120"/>
      <c r="X23" s="61" t="s">
        <v>1</v>
      </c>
      <c r="Y23" s="62" t="s">
        <v>324</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333</v>
      </c>
      <c r="C29" s="148"/>
      <c r="D29" s="159" t="s">
        <v>1</v>
      </c>
      <c r="E29" s="160"/>
      <c r="F29" s="161" t="s">
        <v>1</v>
      </c>
      <c r="G29" s="162"/>
      <c r="H29" s="65" t="s">
        <v>1</v>
      </c>
      <c r="I29" s="91" t="s">
        <v>322</v>
      </c>
      <c r="J29" s="92"/>
      <c r="K29" s="55" t="s">
        <v>1</v>
      </c>
      <c r="L29" s="91" t="s">
        <v>334</v>
      </c>
      <c r="M29" s="91"/>
      <c r="N29" s="92"/>
      <c r="O29" s="55" t="s">
        <v>1</v>
      </c>
      <c r="P29" s="91" t="s">
        <v>31</v>
      </c>
      <c r="Q29" s="92"/>
      <c r="R29" s="55" t="s">
        <v>1</v>
      </c>
      <c r="S29" s="91" t="s">
        <v>335</v>
      </c>
      <c r="T29" s="91"/>
      <c r="U29" s="92"/>
      <c r="V29" s="55" t="s">
        <v>1</v>
      </c>
      <c r="W29" s="91" t="s">
        <v>335</v>
      </c>
      <c r="X29" s="91"/>
      <c r="Y29" s="157"/>
      <c r="Z29" s="4"/>
    </row>
    <row r="30" spans="1:28" customFormat="1" ht="28.5" customHeight="1">
      <c r="A30" s="64" t="s">
        <v>1</v>
      </c>
      <c r="B30" s="147" t="s">
        <v>1</v>
      </c>
      <c r="C30" s="148"/>
      <c r="D30" s="93" t="s">
        <v>26</v>
      </c>
      <c r="E30" s="94"/>
      <c r="F30" s="153" t="s">
        <v>72</v>
      </c>
      <c r="G30" s="154"/>
      <c r="H30" s="36" t="s">
        <v>1</v>
      </c>
      <c r="I30" s="99" t="s">
        <v>336</v>
      </c>
      <c r="J30" s="100"/>
      <c r="K30" s="31" t="s">
        <v>1</v>
      </c>
      <c r="L30" s="99" t="s">
        <v>337</v>
      </c>
      <c r="M30" s="99"/>
      <c r="N30" s="100"/>
      <c r="O30" s="31" t="s">
        <v>1</v>
      </c>
      <c r="P30" s="99" t="s">
        <v>31</v>
      </c>
      <c r="Q30" s="100"/>
      <c r="R30" s="31" t="s">
        <v>1</v>
      </c>
      <c r="S30" s="99" t="s">
        <v>338</v>
      </c>
      <c r="T30" s="99"/>
      <c r="U30" s="100"/>
      <c r="V30" s="31" t="s">
        <v>1</v>
      </c>
      <c r="W30" s="99" t="s">
        <v>338</v>
      </c>
      <c r="X30" s="99"/>
      <c r="Y30" s="152"/>
      <c r="Z30" s="4"/>
    </row>
    <row r="31" spans="1:28" customFormat="1" ht="28.5" customHeight="1">
      <c r="A31" s="64" t="s">
        <v>1</v>
      </c>
      <c r="B31" s="147" t="s">
        <v>1</v>
      </c>
      <c r="C31" s="148"/>
      <c r="D31" s="93" t="s">
        <v>40</v>
      </c>
      <c r="E31" s="94"/>
      <c r="F31" s="153" t="s">
        <v>80</v>
      </c>
      <c r="G31" s="154"/>
      <c r="H31" s="36" t="s">
        <v>1</v>
      </c>
      <c r="I31" s="99" t="s">
        <v>339</v>
      </c>
      <c r="J31" s="100"/>
      <c r="K31" s="31" t="s">
        <v>1</v>
      </c>
      <c r="L31" s="99" t="s">
        <v>340</v>
      </c>
      <c r="M31" s="99"/>
      <c r="N31" s="100"/>
      <c r="O31" s="31" t="s">
        <v>1</v>
      </c>
      <c r="P31" s="99" t="s">
        <v>31</v>
      </c>
      <c r="Q31" s="100"/>
      <c r="R31" s="31" t="s">
        <v>1</v>
      </c>
      <c r="S31" s="99" t="s">
        <v>341</v>
      </c>
      <c r="T31" s="99"/>
      <c r="U31" s="100"/>
      <c r="V31" s="31" t="s">
        <v>1</v>
      </c>
      <c r="W31" s="99" t="s">
        <v>341</v>
      </c>
      <c r="X31" s="99"/>
      <c r="Y31" s="152"/>
      <c r="Z31" s="4"/>
    </row>
    <row r="32" spans="1:28" customFormat="1" ht="28.5" customHeight="1">
      <c r="A32" s="64" t="s">
        <v>1</v>
      </c>
      <c r="B32" s="147" t="s">
        <v>1</v>
      </c>
      <c r="C32" s="148"/>
      <c r="D32" s="93" t="s">
        <v>46</v>
      </c>
      <c r="E32" s="94"/>
      <c r="F32" s="153" t="s">
        <v>156</v>
      </c>
      <c r="G32" s="154"/>
      <c r="H32" s="36" t="s">
        <v>1</v>
      </c>
      <c r="I32" s="99" t="s">
        <v>342</v>
      </c>
      <c r="J32" s="100"/>
      <c r="K32" s="31" t="s">
        <v>1</v>
      </c>
      <c r="L32" s="99" t="s">
        <v>31</v>
      </c>
      <c r="M32" s="99"/>
      <c r="N32" s="100"/>
      <c r="O32" s="31" t="s">
        <v>1</v>
      </c>
      <c r="P32" s="99" t="s">
        <v>31</v>
      </c>
      <c r="Q32" s="100"/>
      <c r="R32" s="31" t="s">
        <v>1</v>
      </c>
      <c r="S32" s="99" t="s">
        <v>342</v>
      </c>
      <c r="T32" s="99"/>
      <c r="U32" s="100"/>
      <c r="V32" s="31" t="s">
        <v>1</v>
      </c>
      <c r="W32" s="99" t="s">
        <v>342</v>
      </c>
      <c r="X32" s="99"/>
      <c r="Y32" s="152"/>
      <c r="Z32" s="4"/>
    </row>
    <row r="33" spans="1:26" customFormat="1" ht="28.5" hidden="1" customHeight="1">
      <c r="A33" s="64" t="s">
        <v>92</v>
      </c>
      <c r="B33" s="147" t="s">
        <v>1</v>
      </c>
      <c r="C33" s="148"/>
      <c r="D33" s="93" t="s">
        <v>1</v>
      </c>
      <c r="E33" s="94"/>
      <c r="F33" s="153" t="s">
        <v>1</v>
      </c>
      <c r="G33" s="154"/>
      <c r="H33" s="36" t="s">
        <v>1</v>
      </c>
      <c r="I33" s="99" t="s">
        <v>322</v>
      </c>
      <c r="J33" s="100"/>
      <c r="K33" s="31" t="s">
        <v>1</v>
      </c>
      <c r="L33" s="99" t="s">
        <v>334</v>
      </c>
      <c r="M33" s="99"/>
      <c r="N33" s="100"/>
      <c r="O33" s="31" t="s">
        <v>1</v>
      </c>
      <c r="P33" s="99" t="s">
        <v>31</v>
      </c>
      <c r="Q33" s="100"/>
      <c r="R33" s="31" t="s">
        <v>1</v>
      </c>
      <c r="S33" s="99" t="s">
        <v>335</v>
      </c>
      <c r="T33" s="99"/>
      <c r="U33" s="100"/>
      <c r="V33" s="31" t="s">
        <v>1</v>
      </c>
      <c r="W33" s="99" t="s">
        <v>335</v>
      </c>
      <c r="X33" s="99"/>
      <c r="Y33" s="152"/>
      <c r="Z33" s="4"/>
    </row>
    <row r="34" spans="1:26" customFormat="1" ht="28.5" hidden="1" customHeight="1">
      <c r="A34" s="64" t="s">
        <v>1</v>
      </c>
      <c r="B34" s="147" t="s">
        <v>1</v>
      </c>
      <c r="C34" s="148"/>
      <c r="D34" s="93" t="s">
        <v>1</v>
      </c>
      <c r="E34" s="94"/>
      <c r="F34" s="153" t="s">
        <v>1</v>
      </c>
      <c r="G34" s="154"/>
      <c r="H34" s="36" t="s">
        <v>5</v>
      </c>
      <c r="I34" s="99" t="s">
        <v>1</v>
      </c>
      <c r="J34" s="100"/>
      <c r="K34" s="31" t="s">
        <v>343</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1</v>
      </c>
      <c r="G35" s="154"/>
      <c r="H35" s="36" t="s">
        <v>94</v>
      </c>
      <c r="I35" s="99" t="s">
        <v>1</v>
      </c>
      <c r="J35" s="100"/>
      <c r="K35" s="31" t="s">
        <v>95</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96</v>
      </c>
      <c r="G36" s="154"/>
      <c r="H36" s="36" t="s">
        <v>1</v>
      </c>
      <c r="I36" s="99" t="s">
        <v>1</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8</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322</v>
      </c>
      <c r="J45" s="120"/>
      <c r="K45" s="61" t="s">
        <v>1</v>
      </c>
      <c r="L45" s="119" t="s">
        <v>334</v>
      </c>
      <c r="M45" s="119"/>
      <c r="N45" s="120"/>
      <c r="O45" s="61" t="s">
        <v>1</v>
      </c>
      <c r="P45" s="119" t="s">
        <v>31</v>
      </c>
      <c r="Q45" s="120"/>
      <c r="R45" s="61" t="s">
        <v>1</v>
      </c>
      <c r="S45" s="119" t="s">
        <v>335</v>
      </c>
      <c r="T45" s="119"/>
      <c r="U45" s="120"/>
      <c r="V45" s="61" t="s">
        <v>1</v>
      </c>
      <c r="W45" s="119" t="s">
        <v>335</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343</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4" pageOrder="overThenDown" orientation="portrait" useFirstPageNumber="1"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topLeftCell="A4" zoomScaleNormal="100" zoomScaleSheetLayoutView="100"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300</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51" t="s">
        <v>301</v>
      </c>
      <c r="C6" s="93" t="s">
        <v>1</v>
      </c>
      <c r="D6" s="94"/>
      <c r="E6" s="95" t="s">
        <v>1</v>
      </c>
      <c r="F6" s="96"/>
      <c r="G6" s="97" t="s">
        <v>302</v>
      </c>
      <c r="H6" s="97"/>
      <c r="I6" s="97"/>
      <c r="J6" s="90" t="s">
        <v>303</v>
      </c>
      <c r="K6" s="90"/>
      <c r="L6" s="90"/>
      <c r="M6" s="53" t="s">
        <v>1</v>
      </c>
      <c r="N6" s="91" t="s">
        <v>303</v>
      </c>
      <c r="O6" s="91"/>
      <c r="P6" s="92"/>
      <c r="Q6" s="90" t="s">
        <v>31</v>
      </c>
      <c r="R6" s="90"/>
      <c r="S6" s="90"/>
      <c r="T6" s="54"/>
      <c r="U6" s="91" t="s">
        <v>31</v>
      </c>
      <c r="V6" s="91"/>
      <c r="W6" s="92"/>
      <c r="X6" s="55" t="s">
        <v>1</v>
      </c>
      <c r="Y6" s="56" t="s">
        <v>304</v>
      </c>
      <c r="Z6" s="20"/>
      <c r="AA6" s="14"/>
      <c r="AB6" s="20"/>
    </row>
    <row r="7" spans="1:28" customFormat="1" ht="29.1" customHeight="1">
      <c r="A7" s="63" t="s">
        <v>1</v>
      </c>
      <c r="B7" s="51" t="s">
        <v>1</v>
      </c>
      <c r="C7" s="93" t="s">
        <v>26</v>
      </c>
      <c r="D7" s="94"/>
      <c r="E7" s="101" t="s">
        <v>34</v>
      </c>
      <c r="F7" s="102"/>
      <c r="G7" s="103" t="s">
        <v>305</v>
      </c>
      <c r="H7" s="103"/>
      <c r="I7" s="103"/>
      <c r="J7" s="98" t="s">
        <v>306</v>
      </c>
      <c r="K7" s="98"/>
      <c r="L7" s="98"/>
      <c r="M7" s="57" t="s">
        <v>1</v>
      </c>
      <c r="N7" s="99" t="s">
        <v>306</v>
      </c>
      <c r="O7" s="99"/>
      <c r="P7" s="100"/>
      <c r="Q7" s="98" t="s">
        <v>31</v>
      </c>
      <c r="R7" s="98"/>
      <c r="S7" s="98"/>
      <c r="T7" s="58"/>
      <c r="U7" s="99" t="s">
        <v>31</v>
      </c>
      <c r="V7" s="99"/>
      <c r="W7" s="100"/>
      <c r="X7" s="31" t="s">
        <v>1</v>
      </c>
      <c r="Y7" s="52" t="s">
        <v>157</v>
      </c>
      <c r="Z7" s="20"/>
      <c r="AA7" s="20"/>
      <c r="AB7" s="20"/>
    </row>
    <row r="8" spans="1:28" customFormat="1" ht="29.1" customHeight="1">
      <c r="A8" s="63" t="s">
        <v>1</v>
      </c>
      <c r="B8" s="51" t="s">
        <v>1</v>
      </c>
      <c r="C8" s="93" t="s">
        <v>40</v>
      </c>
      <c r="D8" s="94"/>
      <c r="E8" s="101" t="s">
        <v>41</v>
      </c>
      <c r="F8" s="102"/>
      <c r="G8" s="103" t="s">
        <v>307</v>
      </c>
      <c r="H8" s="103"/>
      <c r="I8" s="103"/>
      <c r="J8" s="98" t="s">
        <v>308</v>
      </c>
      <c r="K8" s="98"/>
      <c r="L8" s="98"/>
      <c r="M8" s="57" t="s">
        <v>1</v>
      </c>
      <c r="N8" s="99" t="s">
        <v>308</v>
      </c>
      <c r="O8" s="99"/>
      <c r="P8" s="100"/>
      <c r="Q8" s="98" t="s">
        <v>31</v>
      </c>
      <c r="R8" s="98"/>
      <c r="S8" s="98"/>
      <c r="T8" s="58"/>
      <c r="U8" s="99" t="s">
        <v>31</v>
      </c>
      <c r="V8" s="99"/>
      <c r="W8" s="100"/>
      <c r="X8" s="31" t="s">
        <v>44</v>
      </c>
      <c r="Y8" s="52" t="s">
        <v>309</v>
      </c>
      <c r="Z8" s="20"/>
      <c r="AA8" s="20"/>
      <c r="AB8" s="20"/>
    </row>
    <row r="9" spans="1:28" customFormat="1" ht="29.1" customHeight="1">
      <c r="A9" s="63" t="s">
        <v>1</v>
      </c>
      <c r="B9" s="51" t="s">
        <v>1</v>
      </c>
      <c r="C9" s="93" t="s">
        <v>46</v>
      </c>
      <c r="D9" s="94"/>
      <c r="E9" s="101" t="s">
        <v>47</v>
      </c>
      <c r="F9" s="102"/>
      <c r="G9" s="103" t="s">
        <v>310</v>
      </c>
      <c r="H9" s="103"/>
      <c r="I9" s="103"/>
      <c r="J9" s="98" t="s">
        <v>311</v>
      </c>
      <c r="K9" s="98"/>
      <c r="L9" s="98"/>
      <c r="M9" s="57" t="s">
        <v>1</v>
      </c>
      <c r="N9" s="99" t="s">
        <v>311</v>
      </c>
      <c r="O9" s="99"/>
      <c r="P9" s="100"/>
      <c r="Q9" s="98" t="s">
        <v>31</v>
      </c>
      <c r="R9" s="98"/>
      <c r="S9" s="98"/>
      <c r="T9" s="58"/>
      <c r="U9" s="99" t="s">
        <v>31</v>
      </c>
      <c r="V9" s="99"/>
      <c r="W9" s="100"/>
      <c r="X9" s="31" t="s">
        <v>1</v>
      </c>
      <c r="Y9" s="52" t="s">
        <v>312</v>
      </c>
      <c r="Z9" s="20"/>
      <c r="AA9" s="20"/>
      <c r="AB9" s="20"/>
    </row>
    <row r="10" spans="1:28" customFormat="1" ht="29.1" customHeight="1">
      <c r="A10" s="63" t="s">
        <v>1</v>
      </c>
      <c r="B10" s="51" t="s">
        <v>1</v>
      </c>
      <c r="C10" s="93" t="s">
        <v>51</v>
      </c>
      <c r="D10" s="94"/>
      <c r="E10" s="101" t="s">
        <v>52</v>
      </c>
      <c r="F10" s="102"/>
      <c r="G10" s="103" t="s">
        <v>246</v>
      </c>
      <c r="H10" s="103"/>
      <c r="I10" s="103"/>
      <c r="J10" s="98" t="s">
        <v>313</v>
      </c>
      <c r="K10" s="98"/>
      <c r="L10" s="98"/>
      <c r="M10" s="57" t="s">
        <v>1</v>
      </c>
      <c r="N10" s="99" t="s">
        <v>313</v>
      </c>
      <c r="O10" s="99"/>
      <c r="P10" s="100"/>
      <c r="Q10" s="98" t="s">
        <v>31</v>
      </c>
      <c r="R10" s="98"/>
      <c r="S10" s="98"/>
      <c r="T10" s="58"/>
      <c r="U10" s="99" t="s">
        <v>31</v>
      </c>
      <c r="V10" s="99"/>
      <c r="W10" s="100"/>
      <c r="X10" s="31" t="s">
        <v>44</v>
      </c>
      <c r="Y10" s="52" t="s">
        <v>314</v>
      </c>
      <c r="Z10" s="20"/>
      <c r="AA10" s="20"/>
      <c r="AB10" s="20"/>
    </row>
    <row r="11" spans="1:28" customFormat="1" ht="29.1" hidden="1" customHeight="1">
      <c r="A11" s="63" t="s">
        <v>68</v>
      </c>
      <c r="B11" s="51" t="s">
        <v>1</v>
      </c>
      <c r="C11" s="93" t="s">
        <v>1</v>
      </c>
      <c r="D11" s="94"/>
      <c r="E11" s="101" t="s">
        <v>1</v>
      </c>
      <c r="F11" s="102"/>
      <c r="G11" s="103" t="s">
        <v>302</v>
      </c>
      <c r="H11" s="103"/>
      <c r="I11" s="103"/>
      <c r="J11" s="98" t="s">
        <v>303</v>
      </c>
      <c r="K11" s="98"/>
      <c r="L11" s="98"/>
      <c r="M11" s="57" t="s">
        <v>1</v>
      </c>
      <c r="N11" s="99" t="s">
        <v>303</v>
      </c>
      <c r="O11" s="99"/>
      <c r="P11" s="100"/>
      <c r="Q11" s="98" t="s">
        <v>31</v>
      </c>
      <c r="R11" s="98"/>
      <c r="S11" s="98"/>
      <c r="T11" s="58"/>
      <c r="U11" s="99" t="s">
        <v>31</v>
      </c>
      <c r="V11" s="99"/>
      <c r="W11" s="100"/>
      <c r="X11" s="31" t="s">
        <v>1</v>
      </c>
      <c r="Y11" s="52" t="s">
        <v>304</v>
      </c>
      <c r="Z11" s="20"/>
      <c r="AA11" s="20"/>
      <c r="AB11" s="20"/>
    </row>
    <row r="12" spans="1:28" customFormat="1" ht="29.1" hidden="1" customHeight="1">
      <c r="A12" s="63" t="s">
        <v>1</v>
      </c>
      <c r="B12" s="51" t="s">
        <v>1</v>
      </c>
      <c r="C12" s="93" t="s">
        <v>1</v>
      </c>
      <c r="D12" s="94"/>
      <c r="E12" s="101" t="s">
        <v>1</v>
      </c>
      <c r="F12" s="102"/>
      <c r="G12" s="103" t="s">
        <v>1</v>
      </c>
      <c r="H12" s="103"/>
      <c r="I12" s="103"/>
      <c r="J12" s="98" t="s">
        <v>1</v>
      </c>
      <c r="K12" s="98"/>
      <c r="L12" s="98"/>
      <c r="M12" s="57" t="s">
        <v>1</v>
      </c>
      <c r="N12" s="99" t="s">
        <v>1</v>
      </c>
      <c r="O12" s="99"/>
      <c r="P12" s="100"/>
      <c r="Q12" s="98" t="s">
        <v>1</v>
      </c>
      <c r="R12" s="98"/>
      <c r="S12" s="98"/>
      <c r="T12" s="58"/>
      <c r="U12" s="99" t="s">
        <v>1</v>
      </c>
      <c r="V12" s="99"/>
      <c r="W12" s="100"/>
      <c r="X12" s="31" t="s">
        <v>1</v>
      </c>
      <c r="Y12" s="52" t="s">
        <v>1</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302</v>
      </c>
      <c r="H23" s="124"/>
      <c r="I23" s="124"/>
      <c r="J23" s="121" t="s">
        <v>303</v>
      </c>
      <c r="K23" s="121"/>
      <c r="L23" s="121"/>
      <c r="M23" s="59" t="s">
        <v>1</v>
      </c>
      <c r="N23" s="119" t="s">
        <v>303</v>
      </c>
      <c r="O23" s="119"/>
      <c r="P23" s="120"/>
      <c r="Q23" s="121" t="s">
        <v>31</v>
      </c>
      <c r="R23" s="121"/>
      <c r="S23" s="121"/>
      <c r="T23" s="60"/>
      <c r="U23" s="119" t="s">
        <v>31</v>
      </c>
      <c r="V23" s="119"/>
      <c r="W23" s="120"/>
      <c r="X23" s="61" t="s">
        <v>1</v>
      </c>
      <c r="Y23" s="62" t="s">
        <v>304</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315</v>
      </c>
      <c r="C29" s="148"/>
      <c r="D29" s="159" t="s">
        <v>1</v>
      </c>
      <c r="E29" s="160"/>
      <c r="F29" s="161" t="s">
        <v>1</v>
      </c>
      <c r="G29" s="162"/>
      <c r="H29" s="65" t="s">
        <v>1</v>
      </c>
      <c r="I29" s="91" t="s">
        <v>302</v>
      </c>
      <c r="J29" s="92"/>
      <c r="K29" s="55" t="s">
        <v>1</v>
      </c>
      <c r="L29" s="91" t="s">
        <v>308</v>
      </c>
      <c r="M29" s="91"/>
      <c r="N29" s="92"/>
      <c r="O29" s="55" t="s">
        <v>1</v>
      </c>
      <c r="P29" s="91" t="s">
        <v>31</v>
      </c>
      <c r="Q29" s="92"/>
      <c r="R29" s="55" t="s">
        <v>1</v>
      </c>
      <c r="S29" s="91" t="s">
        <v>316</v>
      </c>
      <c r="T29" s="91"/>
      <c r="U29" s="92"/>
      <c r="V29" s="55" t="s">
        <v>1</v>
      </c>
      <c r="W29" s="91" t="s">
        <v>316</v>
      </c>
      <c r="X29" s="91"/>
      <c r="Y29" s="157"/>
      <c r="Z29" s="4"/>
    </row>
    <row r="30" spans="1:28" customFormat="1" ht="28.5" customHeight="1">
      <c r="A30" s="64" t="s">
        <v>1</v>
      </c>
      <c r="B30" s="147" t="s">
        <v>1</v>
      </c>
      <c r="C30" s="148"/>
      <c r="D30" s="93" t="s">
        <v>26</v>
      </c>
      <c r="E30" s="94"/>
      <c r="F30" s="153" t="s">
        <v>72</v>
      </c>
      <c r="G30" s="154"/>
      <c r="H30" s="36" t="s">
        <v>1</v>
      </c>
      <c r="I30" s="99" t="s">
        <v>317</v>
      </c>
      <c r="J30" s="100"/>
      <c r="K30" s="31" t="s">
        <v>1</v>
      </c>
      <c r="L30" s="99" t="s">
        <v>31</v>
      </c>
      <c r="M30" s="99"/>
      <c r="N30" s="100"/>
      <c r="O30" s="31" t="s">
        <v>1</v>
      </c>
      <c r="P30" s="99" t="s">
        <v>31</v>
      </c>
      <c r="Q30" s="100"/>
      <c r="R30" s="31" t="s">
        <v>1</v>
      </c>
      <c r="S30" s="99" t="s">
        <v>317</v>
      </c>
      <c r="T30" s="99"/>
      <c r="U30" s="100"/>
      <c r="V30" s="31" t="s">
        <v>1</v>
      </c>
      <c r="W30" s="99" t="s">
        <v>317</v>
      </c>
      <c r="X30" s="99"/>
      <c r="Y30" s="152"/>
      <c r="Z30" s="4"/>
    </row>
    <row r="31" spans="1:28" customFormat="1" ht="28.5" customHeight="1">
      <c r="A31" s="64" t="s">
        <v>1</v>
      </c>
      <c r="B31" s="147" t="s">
        <v>1</v>
      </c>
      <c r="C31" s="148"/>
      <c r="D31" s="93" t="s">
        <v>40</v>
      </c>
      <c r="E31" s="94"/>
      <c r="F31" s="153" t="s">
        <v>80</v>
      </c>
      <c r="G31" s="154"/>
      <c r="H31" s="36" t="s">
        <v>1</v>
      </c>
      <c r="I31" s="99" t="s">
        <v>307</v>
      </c>
      <c r="J31" s="100"/>
      <c r="K31" s="31" t="s">
        <v>1</v>
      </c>
      <c r="L31" s="99" t="s">
        <v>308</v>
      </c>
      <c r="M31" s="99"/>
      <c r="N31" s="100"/>
      <c r="O31" s="31" t="s">
        <v>1</v>
      </c>
      <c r="P31" s="99" t="s">
        <v>31</v>
      </c>
      <c r="Q31" s="100"/>
      <c r="R31" s="31" t="s">
        <v>1</v>
      </c>
      <c r="S31" s="99" t="s">
        <v>309</v>
      </c>
      <c r="T31" s="99"/>
      <c r="U31" s="100"/>
      <c r="V31" s="31" t="s">
        <v>1</v>
      </c>
      <c r="W31" s="99" t="s">
        <v>309</v>
      </c>
      <c r="X31" s="99"/>
      <c r="Y31" s="152"/>
      <c r="Z31" s="4"/>
    </row>
    <row r="32" spans="1:28" customFormat="1" ht="28.5" customHeight="1">
      <c r="A32" s="64" t="s">
        <v>1</v>
      </c>
      <c r="B32" s="147" t="s">
        <v>1</v>
      </c>
      <c r="C32" s="148"/>
      <c r="D32" s="93" t="s">
        <v>46</v>
      </c>
      <c r="E32" s="94"/>
      <c r="F32" s="153" t="s">
        <v>156</v>
      </c>
      <c r="G32" s="154"/>
      <c r="H32" s="36" t="s">
        <v>1</v>
      </c>
      <c r="I32" s="99" t="s">
        <v>318</v>
      </c>
      <c r="J32" s="100"/>
      <c r="K32" s="31" t="s">
        <v>1</v>
      </c>
      <c r="L32" s="99" t="s">
        <v>31</v>
      </c>
      <c r="M32" s="99"/>
      <c r="N32" s="100"/>
      <c r="O32" s="31" t="s">
        <v>1</v>
      </c>
      <c r="P32" s="99" t="s">
        <v>31</v>
      </c>
      <c r="Q32" s="100"/>
      <c r="R32" s="31" t="s">
        <v>1</v>
      </c>
      <c r="S32" s="99" t="s">
        <v>318</v>
      </c>
      <c r="T32" s="99"/>
      <c r="U32" s="100"/>
      <c r="V32" s="31" t="s">
        <v>1</v>
      </c>
      <c r="W32" s="99" t="s">
        <v>318</v>
      </c>
      <c r="X32" s="99"/>
      <c r="Y32" s="152"/>
      <c r="Z32" s="4"/>
    </row>
    <row r="33" spans="1:26" customFormat="1" ht="28.5" hidden="1" customHeight="1">
      <c r="A33" s="64" t="s">
        <v>92</v>
      </c>
      <c r="B33" s="147" t="s">
        <v>1</v>
      </c>
      <c r="C33" s="148"/>
      <c r="D33" s="93" t="s">
        <v>1</v>
      </c>
      <c r="E33" s="94"/>
      <c r="F33" s="153" t="s">
        <v>1</v>
      </c>
      <c r="G33" s="154"/>
      <c r="H33" s="36" t="s">
        <v>1</v>
      </c>
      <c r="I33" s="99" t="s">
        <v>302</v>
      </c>
      <c r="J33" s="100"/>
      <c r="K33" s="31" t="s">
        <v>1</v>
      </c>
      <c r="L33" s="99" t="s">
        <v>308</v>
      </c>
      <c r="M33" s="99"/>
      <c r="N33" s="100"/>
      <c r="O33" s="31" t="s">
        <v>1</v>
      </c>
      <c r="P33" s="99" t="s">
        <v>31</v>
      </c>
      <c r="Q33" s="100"/>
      <c r="R33" s="31" t="s">
        <v>1</v>
      </c>
      <c r="S33" s="99" t="s">
        <v>316</v>
      </c>
      <c r="T33" s="99"/>
      <c r="U33" s="100"/>
      <c r="V33" s="31" t="s">
        <v>1</v>
      </c>
      <c r="W33" s="99" t="s">
        <v>316</v>
      </c>
      <c r="X33" s="99"/>
      <c r="Y33" s="152"/>
      <c r="Z33" s="4"/>
    </row>
    <row r="34" spans="1:26" customFormat="1" ht="28.5" hidden="1" customHeight="1">
      <c r="A34" s="64" t="s">
        <v>1</v>
      </c>
      <c r="B34" s="147" t="s">
        <v>1</v>
      </c>
      <c r="C34" s="148"/>
      <c r="D34" s="93" t="s">
        <v>1</v>
      </c>
      <c r="E34" s="94"/>
      <c r="F34" s="153" t="s">
        <v>1</v>
      </c>
      <c r="G34" s="154"/>
      <c r="H34" s="36" t="s">
        <v>5</v>
      </c>
      <c r="I34" s="99" t="s">
        <v>1</v>
      </c>
      <c r="J34" s="100"/>
      <c r="K34" s="31" t="s">
        <v>319</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1</v>
      </c>
      <c r="G35" s="154"/>
      <c r="H35" s="36" t="s">
        <v>94</v>
      </c>
      <c r="I35" s="99" t="s">
        <v>1</v>
      </c>
      <c r="J35" s="100"/>
      <c r="K35" s="31" t="s">
        <v>95</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96</v>
      </c>
      <c r="G36" s="154"/>
      <c r="H36" s="36" t="s">
        <v>1</v>
      </c>
      <c r="I36" s="99" t="s">
        <v>1</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8</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66" t="s">
        <v>1</v>
      </c>
      <c r="I45" s="119" t="s">
        <v>302</v>
      </c>
      <c r="J45" s="120"/>
      <c r="K45" s="61" t="s">
        <v>1</v>
      </c>
      <c r="L45" s="119" t="s">
        <v>308</v>
      </c>
      <c r="M45" s="119"/>
      <c r="N45" s="120"/>
      <c r="O45" s="61" t="s">
        <v>1</v>
      </c>
      <c r="P45" s="119" t="s">
        <v>31</v>
      </c>
      <c r="Q45" s="120"/>
      <c r="R45" s="61" t="s">
        <v>1</v>
      </c>
      <c r="S45" s="119" t="s">
        <v>316</v>
      </c>
      <c r="T45" s="119"/>
      <c r="U45" s="120"/>
      <c r="V45" s="61" t="s">
        <v>1</v>
      </c>
      <c r="W45" s="119" t="s">
        <v>316</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319</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5" pageOrder="overThenDown" orientation="portrait" useFirstPageNumber="1"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243"/>
  <sheetViews>
    <sheetView showGridLines="0" view="pageBreakPreview" topLeftCell="A5" zoomScale="115" zoomScaleNormal="100" zoomScaleSheetLayoutView="115" workbookViewId="0">
      <selection activeCell="F50" sqref="F50"/>
    </sheetView>
  </sheetViews>
  <sheetFormatPr defaultColWidth="9" defaultRowHeight="29.1" customHeight="1"/>
  <cols>
    <col min="1" max="1" width="2" style="5" customWidth="1"/>
    <col min="2" max="2" width="9.88671875" style="5" customWidth="1"/>
    <col min="3" max="3" width="0.88671875" style="5" customWidth="1"/>
    <col min="4" max="4" width="1.109375" style="5" customWidth="1"/>
    <col min="5" max="5" width="0.88671875" style="5" customWidth="1"/>
    <col min="6" max="6" width="9" style="5" customWidth="1"/>
    <col min="7" max="7" width="2.21875" style="5" customWidth="1"/>
    <col min="8" max="8" width="0.6640625" style="5" customWidth="1"/>
    <col min="9" max="9" width="9.6640625" style="5" customWidth="1"/>
    <col min="10" max="10" width="4.21875" style="5" customWidth="1"/>
    <col min="11" max="11" width="0.6640625" style="5" customWidth="1"/>
    <col min="12" max="12" width="7.6640625" style="5" customWidth="1"/>
    <col min="13" max="13" width="2.109375" style="5" customWidth="1"/>
    <col min="14" max="14" width="4.109375" style="5" customWidth="1"/>
    <col min="15" max="15" width="0.6640625" style="5" customWidth="1"/>
    <col min="16" max="16" width="8.77734375" style="5" customWidth="1"/>
    <col min="17" max="17" width="4.77734375" style="5" customWidth="1"/>
    <col min="18" max="18" width="1.6640625" style="5" customWidth="1"/>
    <col min="19" max="19" width="3.44140625" style="5" customWidth="1"/>
    <col min="20" max="20" width="0.21875" style="5" customWidth="1"/>
    <col min="21" max="21" width="8.44140625" style="5" customWidth="1"/>
    <col min="22" max="22" width="1.6640625" style="5" customWidth="1"/>
    <col min="23" max="23" width="0.21875" style="5" customWidth="1"/>
    <col min="24" max="24" width="1.88671875" style="5" customWidth="1"/>
    <col min="25" max="25" width="10.33203125" style="5" customWidth="1"/>
    <col min="26" max="26" width="9" style="5"/>
    <col min="27" max="27" width="15.77734375" style="5" bestFit="1" customWidth="1"/>
    <col min="28" max="16384" width="9" style="5"/>
  </cols>
  <sheetData>
    <row r="1" spans="1:28" s="3" customFormat="1" ht="22.5" customHeight="1">
      <c r="A1" s="165" t="s">
        <v>270</v>
      </c>
      <c r="B1" s="165"/>
      <c r="C1" s="165"/>
      <c r="D1" s="165"/>
      <c r="E1" s="165"/>
      <c r="F1" s="165"/>
      <c r="G1" s="165"/>
      <c r="H1" s="165"/>
      <c r="I1" s="165"/>
      <c r="J1" s="165"/>
      <c r="K1" s="165"/>
      <c r="L1" s="165"/>
      <c r="M1" s="165"/>
      <c r="N1" s="165"/>
      <c r="O1" s="165"/>
      <c r="P1" s="165"/>
      <c r="Q1" s="165"/>
      <c r="R1" s="165"/>
      <c r="S1" s="165"/>
      <c r="T1" s="165"/>
      <c r="U1" s="165"/>
      <c r="V1" s="165"/>
      <c r="W1" s="165"/>
      <c r="X1" s="165"/>
      <c r="Y1" s="165"/>
    </row>
    <row r="2" spans="1:28" s="3" customFormat="1" ht="29.1" customHeight="1">
      <c r="A2" s="1" t="s">
        <v>9</v>
      </c>
      <c r="B2" s="2"/>
      <c r="C2" s="8"/>
      <c r="D2" s="8"/>
      <c r="E2" s="8"/>
      <c r="F2" s="8"/>
      <c r="G2" s="8"/>
      <c r="H2" s="8"/>
      <c r="I2" s="8"/>
      <c r="J2" s="8"/>
      <c r="K2" s="8"/>
      <c r="L2" s="8"/>
      <c r="M2" s="9"/>
      <c r="N2" s="10"/>
      <c r="O2" s="10"/>
      <c r="P2" s="11"/>
      <c r="Q2" s="12"/>
      <c r="R2" s="12"/>
      <c r="S2" s="12"/>
      <c r="T2" s="13"/>
      <c r="U2" s="13"/>
      <c r="V2" s="13"/>
      <c r="W2" s="13"/>
      <c r="X2" s="13"/>
      <c r="Y2" s="13"/>
      <c r="Z2" s="13"/>
      <c r="AA2" s="70"/>
      <c r="AB2" s="70"/>
    </row>
    <row r="3" spans="1:28" ht="19.5" customHeight="1">
      <c r="A3" s="109" t="s">
        <v>2</v>
      </c>
      <c r="B3" s="106"/>
      <c r="C3" s="110" t="s">
        <v>11</v>
      </c>
      <c r="D3" s="110"/>
      <c r="E3" s="110"/>
      <c r="F3" s="110"/>
      <c r="G3" s="106" t="s">
        <v>12</v>
      </c>
      <c r="H3" s="106"/>
      <c r="I3" s="106"/>
      <c r="J3" s="106" t="s">
        <v>13</v>
      </c>
      <c r="K3" s="106"/>
      <c r="L3" s="106"/>
      <c r="M3" s="106" t="s">
        <v>14</v>
      </c>
      <c r="N3" s="106"/>
      <c r="O3" s="106"/>
      <c r="P3" s="106"/>
      <c r="Q3" s="105" t="s">
        <v>15</v>
      </c>
      <c r="R3" s="105"/>
      <c r="S3" s="105"/>
      <c r="T3" s="106" t="s">
        <v>16</v>
      </c>
      <c r="U3" s="106"/>
      <c r="V3" s="106"/>
      <c r="W3" s="106"/>
      <c r="X3" s="107" t="s">
        <v>17</v>
      </c>
      <c r="Y3" s="108"/>
      <c r="Z3" s="14"/>
      <c r="AA3" s="30"/>
      <c r="AB3" s="30"/>
    </row>
    <row r="4" spans="1:28" ht="19.5" customHeight="1">
      <c r="A4" s="109"/>
      <c r="B4" s="106"/>
      <c r="C4" s="110"/>
      <c r="D4" s="110"/>
      <c r="E4" s="110"/>
      <c r="F4" s="110"/>
      <c r="G4" s="106"/>
      <c r="H4" s="106"/>
      <c r="I4" s="106"/>
      <c r="J4" s="106"/>
      <c r="K4" s="106"/>
      <c r="L4" s="106"/>
      <c r="M4" s="106"/>
      <c r="N4" s="106"/>
      <c r="O4" s="106"/>
      <c r="P4" s="106"/>
      <c r="Q4" s="105"/>
      <c r="R4" s="105"/>
      <c r="S4" s="105"/>
      <c r="T4" s="106"/>
      <c r="U4" s="106"/>
      <c r="V4" s="106"/>
      <c r="W4" s="106"/>
      <c r="X4" s="107"/>
      <c r="Y4" s="108"/>
      <c r="Z4" s="14"/>
      <c r="AA4" s="14"/>
      <c r="AB4" s="14"/>
    </row>
    <row r="5" spans="1:28" ht="10.5" customHeight="1">
      <c r="A5" s="29"/>
      <c r="B5" s="16"/>
      <c r="C5" s="87"/>
      <c r="D5" s="87"/>
      <c r="E5" s="87"/>
      <c r="F5" s="87"/>
      <c r="G5" s="87" t="s">
        <v>18</v>
      </c>
      <c r="H5" s="87"/>
      <c r="I5" s="87"/>
      <c r="J5" s="87" t="s">
        <v>18</v>
      </c>
      <c r="K5" s="87"/>
      <c r="L5" s="87"/>
      <c r="M5" s="87" t="s">
        <v>18</v>
      </c>
      <c r="N5" s="87"/>
      <c r="O5" s="87"/>
      <c r="P5" s="87"/>
      <c r="Q5" s="88" t="s">
        <v>18</v>
      </c>
      <c r="R5" s="88"/>
      <c r="S5" s="88"/>
      <c r="T5" s="89" t="s">
        <v>18</v>
      </c>
      <c r="U5" s="89"/>
      <c r="V5" s="89"/>
      <c r="W5" s="89"/>
      <c r="X5" s="89" t="s">
        <v>18</v>
      </c>
      <c r="Y5" s="104"/>
      <c r="Z5" s="14"/>
      <c r="AB5" s="14"/>
    </row>
    <row r="6" spans="1:28" customFormat="1" ht="29.1" customHeight="1">
      <c r="A6" s="63" t="s">
        <v>26</v>
      </c>
      <c r="B6" s="76" t="s">
        <v>271</v>
      </c>
      <c r="C6" s="93" t="s">
        <v>1</v>
      </c>
      <c r="D6" s="94"/>
      <c r="E6" s="95" t="s">
        <v>1</v>
      </c>
      <c r="F6" s="96"/>
      <c r="G6" s="97" t="s">
        <v>272</v>
      </c>
      <c r="H6" s="97"/>
      <c r="I6" s="97"/>
      <c r="J6" s="90" t="s">
        <v>273</v>
      </c>
      <c r="K6" s="90"/>
      <c r="L6" s="90"/>
      <c r="M6" s="53" t="s">
        <v>1</v>
      </c>
      <c r="N6" s="91" t="s">
        <v>273</v>
      </c>
      <c r="O6" s="91"/>
      <c r="P6" s="92"/>
      <c r="Q6" s="90" t="s">
        <v>31</v>
      </c>
      <c r="R6" s="90"/>
      <c r="S6" s="90"/>
      <c r="T6" s="54"/>
      <c r="U6" s="91" t="s">
        <v>31</v>
      </c>
      <c r="V6" s="91"/>
      <c r="W6" s="92"/>
      <c r="X6" s="55" t="s">
        <v>44</v>
      </c>
      <c r="Y6" s="56" t="s">
        <v>274</v>
      </c>
      <c r="Z6" s="20"/>
      <c r="AA6" s="14"/>
      <c r="AB6" s="20"/>
    </row>
    <row r="7" spans="1:28" customFormat="1" ht="29.1" customHeight="1">
      <c r="A7" s="63" t="s">
        <v>1</v>
      </c>
      <c r="B7" s="51" t="s">
        <v>1</v>
      </c>
      <c r="C7" s="93" t="s">
        <v>26</v>
      </c>
      <c r="D7" s="94"/>
      <c r="E7" s="101" t="s">
        <v>121</v>
      </c>
      <c r="F7" s="102"/>
      <c r="G7" s="103" t="s">
        <v>275</v>
      </c>
      <c r="H7" s="103"/>
      <c r="I7" s="103"/>
      <c r="J7" s="98" t="s">
        <v>276</v>
      </c>
      <c r="K7" s="98"/>
      <c r="L7" s="98"/>
      <c r="M7" s="57" t="s">
        <v>1</v>
      </c>
      <c r="N7" s="99" t="s">
        <v>276</v>
      </c>
      <c r="O7" s="99"/>
      <c r="P7" s="100"/>
      <c r="Q7" s="98" t="s">
        <v>31</v>
      </c>
      <c r="R7" s="98"/>
      <c r="S7" s="98"/>
      <c r="T7" s="58"/>
      <c r="U7" s="99" t="s">
        <v>31</v>
      </c>
      <c r="V7" s="99"/>
      <c r="W7" s="100"/>
      <c r="X7" s="31" t="s">
        <v>1</v>
      </c>
      <c r="Y7" s="52" t="s">
        <v>277</v>
      </c>
      <c r="Z7" s="20"/>
      <c r="AA7" s="20"/>
      <c r="AB7" s="20"/>
    </row>
    <row r="8" spans="1:28" customFormat="1" ht="29.1" customHeight="1">
      <c r="A8" s="63" t="s">
        <v>1</v>
      </c>
      <c r="B8" s="51" t="s">
        <v>1</v>
      </c>
      <c r="C8" s="93" t="s">
        <v>40</v>
      </c>
      <c r="D8" s="94"/>
      <c r="E8" s="101" t="s">
        <v>278</v>
      </c>
      <c r="F8" s="102"/>
      <c r="G8" s="103" t="s">
        <v>279</v>
      </c>
      <c r="H8" s="103"/>
      <c r="I8" s="103"/>
      <c r="J8" s="98" t="s">
        <v>280</v>
      </c>
      <c r="K8" s="98"/>
      <c r="L8" s="98"/>
      <c r="M8" s="57" t="s">
        <v>1</v>
      </c>
      <c r="N8" s="99" t="s">
        <v>280</v>
      </c>
      <c r="O8" s="99"/>
      <c r="P8" s="100"/>
      <c r="Q8" s="98" t="s">
        <v>31</v>
      </c>
      <c r="R8" s="98"/>
      <c r="S8" s="98"/>
      <c r="T8" s="58"/>
      <c r="U8" s="99" t="s">
        <v>31</v>
      </c>
      <c r="V8" s="99"/>
      <c r="W8" s="100"/>
      <c r="X8" s="31" t="s">
        <v>1</v>
      </c>
      <c r="Y8" s="52" t="s">
        <v>281</v>
      </c>
      <c r="Z8" s="20"/>
      <c r="AA8" s="20"/>
      <c r="AB8" s="20"/>
    </row>
    <row r="9" spans="1:28" customFormat="1" ht="29.1" customHeight="1">
      <c r="A9" s="63" t="s">
        <v>1</v>
      </c>
      <c r="B9" s="51" t="s">
        <v>1</v>
      </c>
      <c r="C9" s="93" t="s">
        <v>46</v>
      </c>
      <c r="D9" s="94"/>
      <c r="E9" s="101" t="s">
        <v>41</v>
      </c>
      <c r="F9" s="102"/>
      <c r="G9" s="103" t="s">
        <v>282</v>
      </c>
      <c r="H9" s="103"/>
      <c r="I9" s="103"/>
      <c r="J9" s="98" t="s">
        <v>283</v>
      </c>
      <c r="K9" s="98"/>
      <c r="L9" s="98"/>
      <c r="M9" s="57" t="s">
        <v>1</v>
      </c>
      <c r="N9" s="99" t="s">
        <v>283</v>
      </c>
      <c r="O9" s="99"/>
      <c r="P9" s="100"/>
      <c r="Q9" s="98" t="s">
        <v>31</v>
      </c>
      <c r="R9" s="98"/>
      <c r="S9" s="98"/>
      <c r="T9" s="58"/>
      <c r="U9" s="99" t="s">
        <v>31</v>
      </c>
      <c r="V9" s="99"/>
      <c r="W9" s="100"/>
      <c r="X9" s="31" t="s">
        <v>44</v>
      </c>
      <c r="Y9" s="52" t="s">
        <v>284</v>
      </c>
      <c r="Z9" s="20"/>
      <c r="AA9" s="20"/>
      <c r="AB9" s="20"/>
    </row>
    <row r="10" spans="1:28" customFormat="1" ht="29.1" customHeight="1">
      <c r="A10" s="63" t="s">
        <v>1</v>
      </c>
      <c r="B10" s="51" t="s">
        <v>1</v>
      </c>
      <c r="C10" s="93" t="s">
        <v>51</v>
      </c>
      <c r="D10" s="94"/>
      <c r="E10" s="101" t="s">
        <v>52</v>
      </c>
      <c r="F10" s="102"/>
      <c r="G10" s="103" t="s">
        <v>285</v>
      </c>
      <c r="H10" s="103"/>
      <c r="I10" s="103"/>
      <c r="J10" s="98" t="s">
        <v>286</v>
      </c>
      <c r="K10" s="98"/>
      <c r="L10" s="98"/>
      <c r="M10" s="57" t="s">
        <v>1</v>
      </c>
      <c r="N10" s="99" t="s">
        <v>286</v>
      </c>
      <c r="O10" s="99"/>
      <c r="P10" s="100"/>
      <c r="Q10" s="98" t="s">
        <v>31</v>
      </c>
      <c r="R10" s="98"/>
      <c r="S10" s="98"/>
      <c r="T10" s="58"/>
      <c r="U10" s="99" t="s">
        <v>31</v>
      </c>
      <c r="V10" s="99"/>
      <c r="W10" s="100"/>
      <c r="X10" s="31" t="s">
        <v>44</v>
      </c>
      <c r="Y10" s="52" t="s">
        <v>287</v>
      </c>
      <c r="Z10" s="20"/>
      <c r="AA10" s="20"/>
      <c r="AB10" s="20"/>
    </row>
    <row r="11" spans="1:28" customFormat="1" ht="29.1" customHeight="1">
      <c r="A11" s="63" t="s">
        <v>1</v>
      </c>
      <c r="B11" s="51" t="s">
        <v>1</v>
      </c>
      <c r="C11" s="93" t="s">
        <v>58</v>
      </c>
      <c r="D11" s="94"/>
      <c r="E11" s="101" t="s">
        <v>47</v>
      </c>
      <c r="F11" s="102"/>
      <c r="G11" s="103" t="s">
        <v>288</v>
      </c>
      <c r="H11" s="103"/>
      <c r="I11" s="103"/>
      <c r="J11" s="98" t="s">
        <v>289</v>
      </c>
      <c r="K11" s="98"/>
      <c r="L11" s="98"/>
      <c r="M11" s="57" t="s">
        <v>1</v>
      </c>
      <c r="N11" s="99" t="s">
        <v>289</v>
      </c>
      <c r="O11" s="99"/>
      <c r="P11" s="100"/>
      <c r="Q11" s="98" t="s">
        <v>31</v>
      </c>
      <c r="R11" s="98"/>
      <c r="S11" s="98"/>
      <c r="T11" s="58"/>
      <c r="U11" s="99" t="s">
        <v>31</v>
      </c>
      <c r="V11" s="99"/>
      <c r="W11" s="100"/>
      <c r="X11" s="31" t="s">
        <v>1</v>
      </c>
      <c r="Y11" s="52" t="s">
        <v>290</v>
      </c>
      <c r="Z11" s="20"/>
      <c r="AA11" s="20"/>
      <c r="AB11" s="20"/>
    </row>
    <row r="12" spans="1:28" customFormat="1" ht="29.1" hidden="1" customHeight="1">
      <c r="A12" s="63" t="s">
        <v>68</v>
      </c>
      <c r="B12" s="51" t="s">
        <v>1</v>
      </c>
      <c r="C12" s="93" t="s">
        <v>1</v>
      </c>
      <c r="D12" s="94"/>
      <c r="E12" s="101" t="s">
        <v>1</v>
      </c>
      <c r="F12" s="102"/>
      <c r="G12" s="103" t="s">
        <v>272</v>
      </c>
      <c r="H12" s="103"/>
      <c r="I12" s="103"/>
      <c r="J12" s="98" t="s">
        <v>273</v>
      </c>
      <c r="K12" s="98"/>
      <c r="L12" s="98"/>
      <c r="M12" s="57" t="s">
        <v>1</v>
      </c>
      <c r="N12" s="99" t="s">
        <v>273</v>
      </c>
      <c r="O12" s="99"/>
      <c r="P12" s="100"/>
      <c r="Q12" s="98" t="s">
        <v>31</v>
      </c>
      <c r="R12" s="98"/>
      <c r="S12" s="98"/>
      <c r="T12" s="58"/>
      <c r="U12" s="99" t="s">
        <v>31</v>
      </c>
      <c r="V12" s="99"/>
      <c r="W12" s="100"/>
      <c r="X12" s="31" t="s">
        <v>44</v>
      </c>
      <c r="Y12" s="52" t="s">
        <v>274</v>
      </c>
      <c r="Z12" s="20"/>
      <c r="AA12" s="20"/>
      <c r="AB12" s="20"/>
    </row>
    <row r="13" spans="1:28" customFormat="1" ht="29.1" hidden="1" customHeight="1">
      <c r="A13" s="63" t="s">
        <v>1</v>
      </c>
      <c r="B13" s="51" t="s">
        <v>1</v>
      </c>
      <c r="C13" s="93" t="s">
        <v>1</v>
      </c>
      <c r="D13" s="94"/>
      <c r="E13" s="101" t="s">
        <v>1</v>
      </c>
      <c r="F13" s="102"/>
      <c r="G13" s="103" t="s">
        <v>1</v>
      </c>
      <c r="H13" s="103"/>
      <c r="I13" s="103"/>
      <c r="J13" s="98" t="s">
        <v>1</v>
      </c>
      <c r="K13" s="98"/>
      <c r="L13" s="98"/>
      <c r="M13" s="57" t="s">
        <v>1</v>
      </c>
      <c r="N13" s="99" t="s">
        <v>1</v>
      </c>
      <c r="O13" s="99"/>
      <c r="P13" s="100"/>
      <c r="Q13" s="98" t="s">
        <v>1</v>
      </c>
      <c r="R13" s="98"/>
      <c r="S13" s="98"/>
      <c r="T13" s="58"/>
      <c r="U13" s="99" t="s">
        <v>1</v>
      </c>
      <c r="V13" s="99"/>
      <c r="W13" s="100"/>
      <c r="X13" s="31" t="s">
        <v>1</v>
      </c>
      <c r="Y13" s="52" t="s">
        <v>1</v>
      </c>
      <c r="Z13" s="20"/>
      <c r="AA13" s="20"/>
      <c r="AB13" s="20"/>
    </row>
    <row r="14" spans="1:28" customFormat="1" ht="29.1" hidden="1" customHeight="1">
      <c r="A14" s="63" t="s">
        <v>1</v>
      </c>
      <c r="B14" s="51" t="s">
        <v>1</v>
      </c>
      <c r="C14" s="93" t="s">
        <v>1</v>
      </c>
      <c r="D14" s="94"/>
      <c r="E14" s="101" t="s">
        <v>1</v>
      </c>
      <c r="F14" s="102"/>
      <c r="G14" s="103" t="s">
        <v>1</v>
      </c>
      <c r="H14" s="103"/>
      <c r="I14" s="103"/>
      <c r="J14" s="98" t="s">
        <v>1</v>
      </c>
      <c r="K14" s="98"/>
      <c r="L14" s="98"/>
      <c r="M14" s="57" t="s">
        <v>1</v>
      </c>
      <c r="N14" s="99" t="s">
        <v>1</v>
      </c>
      <c r="O14" s="99"/>
      <c r="P14" s="100"/>
      <c r="Q14" s="98" t="s">
        <v>1</v>
      </c>
      <c r="R14" s="98"/>
      <c r="S14" s="98"/>
      <c r="T14" s="58"/>
      <c r="U14" s="99" t="s">
        <v>1</v>
      </c>
      <c r="V14" s="99"/>
      <c r="W14" s="100"/>
      <c r="X14" s="31" t="s">
        <v>1</v>
      </c>
      <c r="Y14" s="52" t="s">
        <v>1</v>
      </c>
      <c r="Z14" s="20"/>
      <c r="AA14" s="20"/>
      <c r="AB14" s="20"/>
    </row>
    <row r="15" spans="1:28" customFormat="1" ht="29.1" hidden="1" customHeight="1">
      <c r="A15" s="63" t="s">
        <v>1</v>
      </c>
      <c r="B15" s="51" t="s">
        <v>1</v>
      </c>
      <c r="C15" s="93" t="s">
        <v>1</v>
      </c>
      <c r="D15" s="94"/>
      <c r="E15" s="101" t="s">
        <v>1</v>
      </c>
      <c r="F15" s="102"/>
      <c r="G15" s="103" t="s">
        <v>1</v>
      </c>
      <c r="H15" s="103"/>
      <c r="I15" s="103"/>
      <c r="J15" s="98" t="s">
        <v>1</v>
      </c>
      <c r="K15" s="98"/>
      <c r="L15" s="98"/>
      <c r="M15" s="57" t="s">
        <v>1</v>
      </c>
      <c r="N15" s="99" t="s">
        <v>1</v>
      </c>
      <c r="O15" s="99"/>
      <c r="P15" s="100"/>
      <c r="Q15" s="98" t="s">
        <v>1</v>
      </c>
      <c r="R15" s="98"/>
      <c r="S15" s="98"/>
      <c r="T15" s="58"/>
      <c r="U15" s="99" t="s">
        <v>1</v>
      </c>
      <c r="V15" s="99"/>
      <c r="W15" s="100"/>
      <c r="X15" s="31" t="s">
        <v>1</v>
      </c>
      <c r="Y15" s="52" t="s">
        <v>1</v>
      </c>
      <c r="Z15" s="20"/>
      <c r="AA15" s="20"/>
      <c r="AB15" s="20"/>
    </row>
    <row r="16" spans="1:28" customFormat="1" ht="29.1" hidden="1" customHeight="1">
      <c r="A16" s="63" t="s">
        <v>1</v>
      </c>
      <c r="B16" s="51" t="s">
        <v>1</v>
      </c>
      <c r="C16" s="93" t="s">
        <v>1</v>
      </c>
      <c r="D16" s="94"/>
      <c r="E16" s="101" t="s">
        <v>1</v>
      </c>
      <c r="F16" s="102"/>
      <c r="G16" s="103" t="s">
        <v>1</v>
      </c>
      <c r="H16" s="103"/>
      <c r="I16" s="103"/>
      <c r="J16" s="98" t="s">
        <v>1</v>
      </c>
      <c r="K16" s="98"/>
      <c r="L16" s="98"/>
      <c r="M16" s="57" t="s">
        <v>1</v>
      </c>
      <c r="N16" s="99" t="s">
        <v>1</v>
      </c>
      <c r="O16" s="99"/>
      <c r="P16" s="100"/>
      <c r="Q16" s="98" t="s">
        <v>1</v>
      </c>
      <c r="R16" s="98"/>
      <c r="S16" s="98"/>
      <c r="T16" s="58"/>
      <c r="U16" s="99" t="s">
        <v>1</v>
      </c>
      <c r="V16" s="99"/>
      <c r="W16" s="100"/>
      <c r="X16" s="31" t="s">
        <v>1</v>
      </c>
      <c r="Y16" s="52" t="s">
        <v>1</v>
      </c>
      <c r="Z16" s="20"/>
      <c r="AA16" s="20"/>
      <c r="AB16" s="20"/>
    </row>
    <row r="17" spans="1:28" customFormat="1" ht="29.1" hidden="1" customHeight="1">
      <c r="A17" s="63" t="s">
        <v>1</v>
      </c>
      <c r="B17" s="51" t="s">
        <v>1</v>
      </c>
      <c r="C17" s="93" t="s">
        <v>1</v>
      </c>
      <c r="D17" s="94"/>
      <c r="E17" s="101" t="s">
        <v>1</v>
      </c>
      <c r="F17" s="102"/>
      <c r="G17" s="103" t="s">
        <v>1</v>
      </c>
      <c r="H17" s="103"/>
      <c r="I17" s="103"/>
      <c r="J17" s="98" t="s">
        <v>1</v>
      </c>
      <c r="K17" s="98"/>
      <c r="L17" s="98"/>
      <c r="M17" s="57" t="s">
        <v>1</v>
      </c>
      <c r="N17" s="99" t="s">
        <v>1</v>
      </c>
      <c r="O17" s="99"/>
      <c r="P17" s="100"/>
      <c r="Q17" s="98" t="s">
        <v>1</v>
      </c>
      <c r="R17" s="98"/>
      <c r="S17" s="98"/>
      <c r="T17" s="58"/>
      <c r="U17" s="99" t="s">
        <v>1</v>
      </c>
      <c r="V17" s="99"/>
      <c r="W17" s="100"/>
      <c r="X17" s="31" t="s">
        <v>1</v>
      </c>
      <c r="Y17" s="52" t="s">
        <v>1</v>
      </c>
      <c r="Z17" s="20"/>
      <c r="AA17" s="20"/>
      <c r="AB17" s="20"/>
    </row>
    <row r="18" spans="1:28" customFormat="1" ht="29.1" hidden="1" customHeight="1">
      <c r="A18" s="63" t="s">
        <v>1</v>
      </c>
      <c r="B18" s="51" t="s">
        <v>1</v>
      </c>
      <c r="C18" s="93" t="s">
        <v>1</v>
      </c>
      <c r="D18" s="94"/>
      <c r="E18" s="101" t="s">
        <v>1</v>
      </c>
      <c r="F18" s="102"/>
      <c r="G18" s="103" t="s">
        <v>1</v>
      </c>
      <c r="H18" s="103"/>
      <c r="I18" s="103"/>
      <c r="J18" s="98" t="s">
        <v>1</v>
      </c>
      <c r="K18" s="98"/>
      <c r="L18" s="98"/>
      <c r="M18" s="57" t="s">
        <v>1</v>
      </c>
      <c r="N18" s="99" t="s">
        <v>1</v>
      </c>
      <c r="O18" s="99"/>
      <c r="P18" s="100"/>
      <c r="Q18" s="98" t="s">
        <v>1</v>
      </c>
      <c r="R18" s="98"/>
      <c r="S18" s="98"/>
      <c r="T18" s="58"/>
      <c r="U18" s="99" t="s">
        <v>1</v>
      </c>
      <c r="V18" s="99"/>
      <c r="W18" s="100"/>
      <c r="X18" s="31" t="s">
        <v>1</v>
      </c>
      <c r="Y18" s="52" t="s">
        <v>1</v>
      </c>
      <c r="Z18" s="20"/>
      <c r="AA18" s="20"/>
      <c r="AB18" s="20"/>
    </row>
    <row r="19" spans="1:28" customFormat="1" ht="29.1" hidden="1" customHeight="1">
      <c r="A19" s="63" t="s">
        <v>1</v>
      </c>
      <c r="B19" s="51" t="s">
        <v>1</v>
      </c>
      <c r="C19" s="93" t="s">
        <v>1</v>
      </c>
      <c r="D19" s="94"/>
      <c r="E19" s="101" t="s">
        <v>1</v>
      </c>
      <c r="F19" s="102"/>
      <c r="G19" s="103" t="s">
        <v>1</v>
      </c>
      <c r="H19" s="103"/>
      <c r="I19" s="103"/>
      <c r="J19" s="98" t="s">
        <v>1</v>
      </c>
      <c r="K19" s="98"/>
      <c r="L19" s="98"/>
      <c r="M19" s="57" t="s">
        <v>1</v>
      </c>
      <c r="N19" s="99" t="s">
        <v>1</v>
      </c>
      <c r="O19" s="99"/>
      <c r="P19" s="100"/>
      <c r="Q19" s="98" t="s">
        <v>1</v>
      </c>
      <c r="R19" s="98"/>
      <c r="S19" s="98"/>
      <c r="T19" s="58"/>
      <c r="U19" s="99" t="s">
        <v>1</v>
      </c>
      <c r="V19" s="99"/>
      <c r="W19" s="100"/>
      <c r="X19" s="31" t="s">
        <v>1</v>
      </c>
      <c r="Y19" s="52" t="s">
        <v>1</v>
      </c>
      <c r="Z19" s="20"/>
      <c r="AA19" s="20"/>
      <c r="AB19" s="20"/>
    </row>
    <row r="20" spans="1:28" customFormat="1" ht="29.1" hidden="1" customHeight="1">
      <c r="A20" s="63" t="s">
        <v>1</v>
      </c>
      <c r="B20" s="51" t="s">
        <v>1</v>
      </c>
      <c r="C20" s="93" t="s">
        <v>1</v>
      </c>
      <c r="D20" s="94"/>
      <c r="E20" s="101" t="s">
        <v>1</v>
      </c>
      <c r="F20" s="102"/>
      <c r="G20" s="103" t="s">
        <v>1</v>
      </c>
      <c r="H20" s="103"/>
      <c r="I20" s="103"/>
      <c r="J20" s="98" t="s">
        <v>1</v>
      </c>
      <c r="K20" s="98"/>
      <c r="L20" s="98"/>
      <c r="M20" s="57" t="s">
        <v>1</v>
      </c>
      <c r="N20" s="99" t="s">
        <v>1</v>
      </c>
      <c r="O20" s="99"/>
      <c r="P20" s="100"/>
      <c r="Q20" s="98" t="s">
        <v>1</v>
      </c>
      <c r="R20" s="98"/>
      <c r="S20" s="98"/>
      <c r="T20" s="58"/>
      <c r="U20" s="99" t="s">
        <v>1</v>
      </c>
      <c r="V20" s="99"/>
      <c r="W20" s="100"/>
      <c r="X20" s="31" t="s">
        <v>1</v>
      </c>
      <c r="Y20" s="52" t="s">
        <v>1</v>
      </c>
      <c r="Z20" s="20"/>
      <c r="AA20" s="20"/>
      <c r="AB20" s="20"/>
    </row>
    <row r="21" spans="1:28" customFormat="1" ht="29.1" hidden="1" customHeight="1">
      <c r="A21" s="63" t="s">
        <v>1</v>
      </c>
      <c r="B21" s="51" t="s">
        <v>1</v>
      </c>
      <c r="C21" s="93" t="s">
        <v>1</v>
      </c>
      <c r="D21" s="94"/>
      <c r="E21" s="101" t="s">
        <v>1</v>
      </c>
      <c r="F21" s="102"/>
      <c r="G21" s="103" t="s">
        <v>1</v>
      </c>
      <c r="H21" s="103"/>
      <c r="I21" s="103"/>
      <c r="J21" s="98" t="s">
        <v>1</v>
      </c>
      <c r="K21" s="98"/>
      <c r="L21" s="98"/>
      <c r="M21" s="57" t="s">
        <v>1</v>
      </c>
      <c r="N21" s="99" t="s">
        <v>1</v>
      </c>
      <c r="O21" s="99"/>
      <c r="P21" s="100"/>
      <c r="Q21" s="98" t="s">
        <v>1</v>
      </c>
      <c r="R21" s="98"/>
      <c r="S21" s="98"/>
      <c r="T21" s="58"/>
      <c r="U21" s="99" t="s">
        <v>1</v>
      </c>
      <c r="V21" s="99"/>
      <c r="W21" s="100"/>
      <c r="X21" s="31" t="s">
        <v>1</v>
      </c>
      <c r="Y21" s="52" t="s">
        <v>1</v>
      </c>
      <c r="Z21" s="20"/>
      <c r="AA21" s="20"/>
      <c r="AB21" s="20"/>
    </row>
    <row r="22" spans="1:28" customFormat="1" ht="29.1" hidden="1" customHeight="1">
      <c r="A22" s="63" t="s">
        <v>1</v>
      </c>
      <c r="B22" s="51" t="s">
        <v>1</v>
      </c>
      <c r="C22" s="111" t="s">
        <v>1</v>
      </c>
      <c r="D22" s="112"/>
      <c r="E22" s="113" t="s">
        <v>1</v>
      </c>
      <c r="F22" s="114"/>
      <c r="G22" s="115" t="s">
        <v>1</v>
      </c>
      <c r="H22" s="115"/>
      <c r="I22" s="115"/>
      <c r="J22" s="116" t="s">
        <v>1</v>
      </c>
      <c r="K22" s="116"/>
      <c r="L22" s="116"/>
      <c r="M22" s="68" t="s">
        <v>1</v>
      </c>
      <c r="N22" s="117" t="s">
        <v>1</v>
      </c>
      <c r="O22" s="117"/>
      <c r="P22" s="118"/>
      <c r="Q22" s="116" t="s">
        <v>1</v>
      </c>
      <c r="R22" s="116"/>
      <c r="S22" s="116"/>
      <c r="T22" s="69"/>
      <c r="U22" s="117" t="s">
        <v>1</v>
      </c>
      <c r="V22" s="117"/>
      <c r="W22" s="118"/>
      <c r="X22" s="46" t="s">
        <v>1</v>
      </c>
      <c r="Y22" s="50" t="s">
        <v>1</v>
      </c>
      <c r="Z22" s="20"/>
      <c r="AA22" s="20"/>
      <c r="AB22" s="20"/>
    </row>
    <row r="23" spans="1:28" customFormat="1" ht="29.1" customHeight="1">
      <c r="A23" s="122" t="s">
        <v>10</v>
      </c>
      <c r="B23" s="123"/>
      <c r="C23" s="123"/>
      <c r="D23" s="123"/>
      <c r="E23" s="123"/>
      <c r="F23" s="123"/>
      <c r="G23" s="124" t="s">
        <v>272</v>
      </c>
      <c r="H23" s="124"/>
      <c r="I23" s="124"/>
      <c r="J23" s="121" t="s">
        <v>273</v>
      </c>
      <c r="K23" s="121"/>
      <c r="L23" s="121"/>
      <c r="M23" s="59" t="s">
        <v>1</v>
      </c>
      <c r="N23" s="119" t="s">
        <v>273</v>
      </c>
      <c r="O23" s="119"/>
      <c r="P23" s="120"/>
      <c r="Q23" s="121" t="s">
        <v>31</v>
      </c>
      <c r="R23" s="121"/>
      <c r="S23" s="121"/>
      <c r="T23" s="60"/>
      <c r="U23" s="119" t="s">
        <v>31</v>
      </c>
      <c r="V23" s="119"/>
      <c r="W23" s="120"/>
      <c r="X23" s="61" t="s">
        <v>44</v>
      </c>
      <c r="Y23" s="62" t="s">
        <v>274</v>
      </c>
      <c r="Z23" s="20"/>
      <c r="AA23" s="20"/>
      <c r="AB23" s="20"/>
    </row>
    <row r="24" spans="1:28" ht="28.5" customHeight="1">
      <c r="A24" s="30"/>
      <c r="B24" s="30"/>
      <c r="C24" s="30"/>
      <c r="D24" s="30"/>
      <c r="E24" s="30"/>
      <c r="F24" s="30"/>
      <c r="G24" s="30"/>
      <c r="H24" s="30"/>
      <c r="I24" s="30"/>
      <c r="J24" s="30"/>
      <c r="K24" s="30"/>
      <c r="L24" s="30"/>
      <c r="M24" s="30"/>
      <c r="N24" s="30"/>
      <c r="O24" s="14"/>
      <c r="P24" s="14"/>
      <c r="Q24" s="14"/>
      <c r="R24" s="14"/>
      <c r="S24" s="14"/>
      <c r="T24" s="14"/>
      <c r="U24" s="14"/>
      <c r="V24" s="14"/>
      <c r="W24" s="14"/>
      <c r="X24" s="14"/>
      <c r="Y24" s="14"/>
    </row>
    <row r="25" spans="1:28" s="3" customFormat="1" ht="24.75" customHeight="1">
      <c r="A25" s="32" t="s">
        <v>0</v>
      </c>
      <c r="B25" s="8"/>
      <c r="C25" s="8"/>
      <c r="D25" s="8"/>
      <c r="E25" s="8"/>
      <c r="F25" s="8"/>
      <c r="G25" s="8"/>
      <c r="H25" s="8"/>
      <c r="I25" s="8"/>
      <c r="J25" s="8"/>
      <c r="K25" s="8"/>
      <c r="L25" s="8"/>
      <c r="M25" s="8"/>
      <c r="N25" s="33" t="s">
        <v>1</v>
      </c>
      <c r="O25" s="10"/>
      <c r="P25" s="10"/>
      <c r="Q25" s="11"/>
      <c r="R25" s="12"/>
      <c r="S25" s="12"/>
      <c r="T25" s="12"/>
      <c r="U25" s="13"/>
      <c r="V25" s="13"/>
      <c r="W25" s="13"/>
      <c r="X25" s="13"/>
      <c r="Y25" s="13"/>
    </row>
    <row r="26" spans="1:28" ht="19.5" customHeight="1">
      <c r="A26" s="134" t="s">
        <v>2</v>
      </c>
      <c r="B26" s="135"/>
      <c r="C26" s="135"/>
      <c r="D26" s="135" t="s">
        <v>3</v>
      </c>
      <c r="E26" s="135"/>
      <c r="F26" s="135"/>
      <c r="G26" s="135"/>
      <c r="H26" s="125" t="s">
        <v>19</v>
      </c>
      <c r="I26" s="125"/>
      <c r="J26" s="125"/>
      <c r="K26" s="125" t="s">
        <v>20</v>
      </c>
      <c r="L26" s="125"/>
      <c r="M26" s="125"/>
      <c r="N26" s="125"/>
      <c r="O26" s="125" t="s">
        <v>21</v>
      </c>
      <c r="P26" s="125"/>
      <c r="Q26" s="125"/>
      <c r="R26" s="127" t="s">
        <v>22</v>
      </c>
      <c r="S26" s="127"/>
      <c r="T26" s="127"/>
      <c r="U26" s="127"/>
      <c r="V26" s="129" t="s">
        <v>23</v>
      </c>
      <c r="W26" s="130"/>
      <c r="X26" s="130"/>
      <c r="Y26" s="131"/>
    </row>
    <row r="27" spans="1:28" ht="19.5" customHeight="1">
      <c r="A27" s="136"/>
      <c r="B27" s="137"/>
      <c r="C27" s="137"/>
      <c r="D27" s="137"/>
      <c r="E27" s="137"/>
      <c r="F27" s="137"/>
      <c r="G27" s="137"/>
      <c r="H27" s="126"/>
      <c r="I27" s="126"/>
      <c r="J27" s="126"/>
      <c r="K27" s="126"/>
      <c r="L27" s="126"/>
      <c r="M27" s="126"/>
      <c r="N27" s="126"/>
      <c r="O27" s="126"/>
      <c r="P27" s="126"/>
      <c r="Q27" s="126"/>
      <c r="R27" s="128"/>
      <c r="S27" s="128"/>
      <c r="T27" s="128"/>
      <c r="U27" s="128"/>
      <c r="V27" s="132"/>
      <c r="W27" s="132"/>
      <c r="X27" s="132"/>
      <c r="Y27" s="133"/>
    </row>
    <row r="28" spans="1:28" ht="10.5" customHeight="1">
      <c r="A28" s="34"/>
      <c r="B28" s="138"/>
      <c r="C28" s="139"/>
      <c r="D28" s="140"/>
      <c r="E28" s="138"/>
      <c r="F28" s="141" t="s">
        <v>18</v>
      </c>
      <c r="G28" s="142"/>
      <c r="H28" s="35"/>
      <c r="I28" s="143" t="s">
        <v>18</v>
      </c>
      <c r="J28" s="144"/>
      <c r="K28" s="35"/>
      <c r="L28" s="143" t="s">
        <v>18</v>
      </c>
      <c r="M28" s="143"/>
      <c r="N28" s="144"/>
      <c r="O28" s="35"/>
      <c r="P28" s="143" t="s">
        <v>18</v>
      </c>
      <c r="Q28" s="144"/>
      <c r="R28" s="35"/>
      <c r="S28" s="143" t="s">
        <v>18</v>
      </c>
      <c r="T28" s="143"/>
      <c r="U28" s="144"/>
      <c r="V28" s="35"/>
      <c r="W28" s="143" t="s">
        <v>18</v>
      </c>
      <c r="X28" s="143"/>
      <c r="Y28" s="145"/>
      <c r="Z28" s="4"/>
    </row>
    <row r="29" spans="1:28" customFormat="1" ht="28.5" customHeight="1">
      <c r="A29" s="64" t="s">
        <v>26</v>
      </c>
      <c r="B29" s="147" t="s">
        <v>291</v>
      </c>
      <c r="C29" s="148"/>
      <c r="D29" s="159" t="s">
        <v>1</v>
      </c>
      <c r="E29" s="160"/>
      <c r="F29" s="161" t="s">
        <v>1</v>
      </c>
      <c r="G29" s="162"/>
      <c r="H29" s="65" t="s">
        <v>1</v>
      </c>
      <c r="I29" s="91" t="s">
        <v>272</v>
      </c>
      <c r="J29" s="92"/>
      <c r="K29" s="55" t="s">
        <v>1</v>
      </c>
      <c r="L29" s="91" t="s">
        <v>292</v>
      </c>
      <c r="M29" s="91"/>
      <c r="N29" s="92"/>
      <c r="O29" s="55" t="s">
        <v>1</v>
      </c>
      <c r="P29" s="91" t="s">
        <v>293</v>
      </c>
      <c r="Q29" s="92"/>
      <c r="R29" s="55" t="s">
        <v>1</v>
      </c>
      <c r="S29" s="91" t="s">
        <v>294</v>
      </c>
      <c r="T29" s="91"/>
      <c r="U29" s="92"/>
      <c r="V29" s="55" t="s">
        <v>1</v>
      </c>
      <c r="W29" s="91" t="s">
        <v>295</v>
      </c>
      <c r="X29" s="91"/>
      <c r="Y29" s="157"/>
      <c r="Z29" s="4"/>
    </row>
    <row r="30" spans="1:28" customFormat="1" ht="28.5" customHeight="1">
      <c r="A30" s="64" t="s">
        <v>1</v>
      </c>
      <c r="B30" s="147" t="s">
        <v>1</v>
      </c>
      <c r="C30" s="148"/>
      <c r="D30" s="93" t="s">
        <v>26</v>
      </c>
      <c r="E30" s="94"/>
      <c r="F30" s="158" t="s">
        <v>447</v>
      </c>
      <c r="G30" s="154"/>
      <c r="H30" s="36" t="s">
        <v>1</v>
      </c>
      <c r="I30" s="99" t="s">
        <v>296</v>
      </c>
      <c r="J30" s="100"/>
      <c r="K30" s="31" t="s">
        <v>1</v>
      </c>
      <c r="L30" s="99" t="s">
        <v>297</v>
      </c>
      <c r="M30" s="99"/>
      <c r="N30" s="100"/>
      <c r="O30" s="31" t="s">
        <v>1</v>
      </c>
      <c r="P30" s="99" t="s">
        <v>293</v>
      </c>
      <c r="Q30" s="100"/>
      <c r="R30" s="31" t="s">
        <v>1</v>
      </c>
      <c r="S30" s="99" t="s">
        <v>294</v>
      </c>
      <c r="T30" s="99"/>
      <c r="U30" s="100"/>
      <c r="V30" s="31" t="s">
        <v>1</v>
      </c>
      <c r="W30" s="99" t="s">
        <v>295</v>
      </c>
      <c r="X30" s="99"/>
      <c r="Y30" s="152"/>
      <c r="Z30" s="4"/>
    </row>
    <row r="31" spans="1:28" customFormat="1" ht="28.5" customHeight="1">
      <c r="A31" s="64" t="s">
        <v>1</v>
      </c>
      <c r="B31" s="147" t="s">
        <v>1</v>
      </c>
      <c r="C31" s="148"/>
      <c r="D31" s="93" t="s">
        <v>40</v>
      </c>
      <c r="E31" s="94"/>
      <c r="F31" s="153" t="s">
        <v>151</v>
      </c>
      <c r="G31" s="154"/>
      <c r="H31" s="36" t="s">
        <v>1</v>
      </c>
      <c r="I31" s="99" t="s">
        <v>298</v>
      </c>
      <c r="J31" s="100"/>
      <c r="K31" s="31" t="s">
        <v>1</v>
      </c>
      <c r="L31" s="99" t="s">
        <v>298</v>
      </c>
      <c r="M31" s="99"/>
      <c r="N31" s="100"/>
      <c r="O31" s="31" t="s">
        <v>1</v>
      </c>
      <c r="P31" s="99" t="s">
        <v>31</v>
      </c>
      <c r="Q31" s="100"/>
      <c r="R31" s="31" t="s">
        <v>1</v>
      </c>
      <c r="S31" s="99" t="s">
        <v>31</v>
      </c>
      <c r="T31" s="99"/>
      <c r="U31" s="100"/>
      <c r="V31" s="31" t="s">
        <v>1</v>
      </c>
      <c r="W31" s="99" t="s">
        <v>31</v>
      </c>
      <c r="X31" s="99"/>
      <c r="Y31" s="152"/>
      <c r="Z31" s="4"/>
    </row>
    <row r="32" spans="1:28" customFormat="1" ht="28.5" hidden="1" customHeight="1">
      <c r="A32" s="64" t="s">
        <v>92</v>
      </c>
      <c r="B32" s="147" t="s">
        <v>1</v>
      </c>
      <c r="C32" s="148"/>
      <c r="D32" s="93" t="s">
        <v>1</v>
      </c>
      <c r="E32" s="94"/>
      <c r="F32" s="153" t="s">
        <v>1</v>
      </c>
      <c r="G32" s="154"/>
      <c r="H32" s="36" t="s">
        <v>1</v>
      </c>
      <c r="I32" s="99" t="s">
        <v>272</v>
      </c>
      <c r="J32" s="100"/>
      <c r="K32" s="31" t="s">
        <v>1</v>
      </c>
      <c r="L32" s="99" t="s">
        <v>292</v>
      </c>
      <c r="M32" s="99"/>
      <c r="N32" s="100"/>
      <c r="O32" s="31" t="s">
        <v>1</v>
      </c>
      <c r="P32" s="99" t="s">
        <v>293</v>
      </c>
      <c r="Q32" s="100"/>
      <c r="R32" s="31" t="s">
        <v>1</v>
      </c>
      <c r="S32" s="99" t="s">
        <v>294</v>
      </c>
      <c r="T32" s="99"/>
      <c r="U32" s="100"/>
      <c r="V32" s="31" t="s">
        <v>1</v>
      </c>
      <c r="W32" s="99" t="s">
        <v>295</v>
      </c>
      <c r="X32" s="99"/>
      <c r="Y32" s="152"/>
      <c r="Z32" s="4"/>
    </row>
    <row r="33" spans="1:26" customFormat="1" ht="28.5" hidden="1" customHeight="1">
      <c r="A33" s="64" t="s">
        <v>1</v>
      </c>
      <c r="B33" s="147" t="s">
        <v>1</v>
      </c>
      <c r="C33" s="148"/>
      <c r="D33" s="93" t="s">
        <v>1</v>
      </c>
      <c r="E33" s="94"/>
      <c r="F33" s="153" t="s">
        <v>1</v>
      </c>
      <c r="G33" s="154"/>
      <c r="H33" s="36" t="s">
        <v>5</v>
      </c>
      <c r="I33" s="99" t="s">
        <v>1</v>
      </c>
      <c r="J33" s="100"/>
      <c r="K33" s="31" t="s">
        <v>299</v>
      </c>
      <c r="L33" s="99" t="s">
        <v>1</v>
      </c>
      <c r="M33" s="99"/>
      <c r="N33" s="100"/>
      <c r="O33" s="31" t="s">
        <v>1</v>
      </c>
      <c r="P33" s="99" t="s">
        <v>1</v>
      </c>
      <c r="Q33" s="100"/>
      <c r="R33" s="31" t="s">
        <v>1</v>
      </c>
      <c r="S33" s="99" t="s">
        <v>1</v>
      </c>
      <c r="T33" s="99"/>
      <c r="U33" s="100"/>
      <c r="V33" s="31" t="s">
        <v>1</v>
      </c>
      <c r="W33" s="99" t="s">
        <v>1</v>
      </c>
      <c r="X33" s="99"/>
      <c r="Y33" s="152"/>
      <c r="Z33" s="4"/>
    </row>
    <row r="34" spans="1:26" customFormat="1" ht="28.5" hidden="1" customHeight="1">
      <c r="A34" s="64" t="s">
        <v>1</v>
      </c>
      <c r="B34" s="147" t="s">
        <v>1</v>
      </c>
      <c r="C34" s="148"/>
      <c r="D34" s="93" t="s">
        <v>1</v>
      </c>
      <c r="E34" s="94"/>
      <c r="F34" s="153" t="s">
        <v>1</v>
      </c>
      <c r="G34" s="154"/>
      <c r="H34" s="36" t="s">
        <v>94</v>
      </c>
      <c r="I34" s="99" t="s">
        <v>1</v>
      </c>
      <c r="J34" s="100"/>
      <c r="K34" s="31" t="s">
        <v>95</v>
      </c>
      <c r="L34" s="99" t="s">
        <v>1</v>
      </c>
      <c r="M34" s="99"/>
      <c r="N34" s="100"/>
      <c r="O34" s="31" t="s">
        <v>1</v>
      </c>
      <c r="P34" s="99" t="s">
        <v>1</v>
      </c>
      <c r="Q34" s="100"/>
      <c r="R34" s="31" t="s">
        <v>1</v>
      </c>
      <c r="S34" s="99" t="s">
        <v>1</v>
      </c>
      <c r="T34" s="99"/>
      <c r="U34" s="100"/>
      <c r="V34" s="31" t="s">
        <v>1</v>
      </c>
      <c r="W34" s="99" t="s">
        <v>1</v>
      </c>
      <c r="X34" s="99"/>
      <c r="Y34" s="152"/>
      <c r="Z34" s="4"/>
    </row>
    <row r="35" spans="1:26" customFormat="1" ht="28.5" hidden="1" customHeight="1">
      <c r="A35" s="64" t="s">
        <v>1</v>
      </c>
      <c r="B35" s="147" t="s">
        <v>1</v>
      </c>
      <c r="C35" s="148"/>
      <c r="D35" s="93" t="s">
        <v>1</v>
      </c>
      <c r="E35" s="94"/>
      <c r="F35" s="153" t="s">
        <v>96</v>
      </c>
      <c r="G35" s="154"/>
      <c r="H35" s="36" t="s">
        <v>1</v>
      </c>
      <c r="I35" s="99" t="s">
        <v>1</v>
      </c>
      <c r="J35" s="100"/>
      <c r="K35" s="31" t="s">
        <v>1</v>
      </c>
      <c r="L35" s="99" t="s">
        <v>1</v>
      </c>
      <c r="M35" s="99"/>
      <c r="N35" s="100"/>
      <c r="O35" s="31" t="s">
        <v>1</v>
      </c>
      <c r="P35" s="99" t="s">
        <v>1</v>
      </c>
      <c r="Q35" s="100"/>
      <c r="R35" s="31" t="s">
        <v>1</v>
      </c>
      <c r="S35" s="99" t="s">
        <v>1</v>
      </c>
      <c r="T35" s="99"/>
      <c r="U35" s="100"/>
      <c r="V35" s="31" t="s">
        <v>1</v>
      </c>
      <c r="W35" s="99" t="s">
        <v>1</v>
      </c>
      <c r="X35" s="99"/>
      <c r="Y35" s="152"/>
      <c r="Z35" s="4"/>
    </row>
    <row r="36" spans="1:26" customFormat="1" ht="28.5" hidden="1" customHeight="1">
      <c r="A36" s="64" t="s">
        <v>1</v>
      </c>
      <c r="B36" s="147" t="s">
        <v>1</v>
      </c>
      <c r="C36" s="148"/>
      <c r="D36" s="93" t="s">
        <v>1</v>
      </c>
      <c r="E36" s="94"/>
      <c r="F36" s="153" t="s">
        <v>1</v>
      </c>
      <c r="G36" s="154"/>
      <c r="H36" s="36" t="s">
        <v>1</v>
      </c>
      <c r="I36" s="99" t="s">
        <v>8</v>
      </c>
      <c r="J36" s="100"/>
      <c r="K36" s="31" t="s">
        <v>1</v>
      </c>
      <c r="L36" s="99" t="s">
        <v>1</v>
      </c>
      <c r="M36" s="99"/>
      <c r="N36" s="100"/>
      <c r="O36" s="31" t="s">
        <v>1</v>
      </c>
      <c r="P36" s="99" t="s">
        <v>1</v>
      </c>
      <c r="Q36" s="100"/>
      <c r="R36" s="31" t="s">
        <v>1</v>
      </c>
      <c r="S36" s="99" t="s">
        <v>1</v>
      </c>
      <c r="T36" s="99"/>
      <c r="U36" s="100"/>
      <c r="V36" s="31" t="s">
        <v>1</v>
      </c>
      <c r="W36" s="99" t="s">
        <v>1</v>
      </c>
      <c r="X36" s="99"/>
      <c r="Y36" s="152"/>
      <c r="Z36" s="4"/>
    </row>
    <row r="37" spans="1:26" customFormat="1" ht="28.5" hidden="1" customHeight="1">
      <c r="A37" s="64" t="s">
        <v>1</v>
      </c>
      <c r="B37" s="147" t="s">
        <v>1</v>
      </c>
      <c r="C37" s="148"/>
      <c r="D37" s="93" t="s">
        <v>1</v>
      </c>
      <c r="E37" s="94"/>
      <c r="F37" s="153" t="s">
        <v>1</v>
      </c>
      <c r="G37" s="154"/>
      <c r="H37" s="36" t="s">
        <v>1</v>
      </c>
      <c r="I37" s="99" t="s">
        <v>1</v>
      </c>
      <c r="J37" s="100"/>
      <c r="K37" s="31" t="s">
        <v>1</v>
      </c>
      <c r="L37" s="99" t="s">
        <v>1</v>
      </c>
      <c r="M37" s="99"/>
      <c r="N37" s="100"/>
      <c r="O37" s="31" t="s">
        <v>1</v>
      </c>
      <c r="P37" s="99" t="s">
        <v>1</v>
      </c>
      <c r="Q37" s="100"/>
      <c r="R37" s="31" t="s">
        <v>1</v>
      </c>
      <c r="S37" s="99" t="s">
        <v>1</v>
      </c>
      <c r="T37" s="99"/>
      <c r="U37" s="100"/>
      <c r="V37" s="31" t="s">
        <v>1</v>
      </c>
      <c r="W37" s="99" t="s">
        <v>1</v>
      </c>
      <c r="X37" s="99"/>
      <c r="Y37" s="152"/>
      <c r="Z37" s="4"/>
    </row>
    <row r="38" spans="1:26" customFormat="1" ht="28.5" hidden="1" customHeight="1">
      <c r="A38" s="64" t="s">
        <v>1</v>
      </c>
      <c r="B38" s="147" t="s">
        <v>1</v>
      </c>
      <c r="C38" s="148"/>
      <c r="D38" s="93" t="s">
        <v>1</v>
      </c>
      <c r="E38" s="94"/>
      <c r="F38" s="153" t="s">
        <v>1</v>
      </c>
      <c r="G38" s="154"/>
      <c r="H38" s="36" t="s">
        <v>1</v>
      </c>
      <c r="I38" s="99" t="s">
        <v>1</v>
      </c>
      <c r="J38" s="100"/>
      <c r="K38" s="31" t="s">
        <v>1</v>
      </c>
      <c r="L38" s="99" t="s">
        <v>1</v>
      </c>
      <c r="M38" s="99"/>
      <c r="N38" s="100"/>
      <c r="O38" s="31" t="s">
        <v>1</v>
      </c>
      <c r="P38" s="99" t="s">
        <v>1</v>
      </c>
      <c r="Q38" s="100"/>
      <c r="R38" s="31" t="s">
        <v>1</v>
      </c>
      <c r="S38" s="99" t="s">
        <v>1</v>
      </c>
      <c r="T38" s="99"/>
      <c r="U38" s="100"/>
      <c r="V38" s="31" t="s">
        <v>1</v>
      </c>
      <c r="W38" s="99" t="s">
        <v>1</v>
      </c>
      <c r="X38" s="99"/>
      <c r="Y38" s="152"/>
      <c r="Z38" s="4"/>
    </row>
    <row r="39" spans="1:26" customFormat="1" ht="28.5" hidden="1" customHeight="1">
      <c r="A39" s="64" t="s">
        <v>1</v>
      </c>
      <c r="B39" s="147" t="s">
        <v>1</v>
      </c>
      <c r="C39" s="148"/>
      <c r="D39" s="93" t="s">
        <v>1</v>
      </c>
      <c r="E39" s="94"/>
      <c r="F39" s="153" t="s">
        <v>1</v>
      </c>
      <c r="G39" s="154"/>
      <c r="H39" s="36" t="s">
        <v>1</v>
      </c>
      <c r="I39" s="99" t="s">
        <v>1</v>
      </c>
      <c r="J39" s="100"/>
      <c r="K39" s="31" t="s">
        <v>1</v>
      </c>
      <c r="L39" s="99" t="s">
        <v>1</v>
      </c>
      <c r="M39" s="99"/>
      <c r="N39" s="100"/>
      <c r="O39" s="31" t="s">
        <v>1</v>
      </c>
      <c r="P39" s="99" t="s">
        <v>1</v>
      </c>
      <c r="Q39" s="100"/>
      <c r="R39" s="31" t="s">
        <v>1</v>
      </c>
      <c r="S39" s="99" t="s">
        <v>1</v>
      </c>
      <c r="T39" s="99"/>
      <c r="U39" s="100"/>
      <c r="V39" s="31" t="s">
        <v>1</v>
      </c>
      <c r="W39" s="99" t="s">
        <v>1</v>
      </c>
      <c r="X39" s="99"/>
      <c r="Y39" s="152"/>
      <c r="Z39" s="4"/>
    </row>
    <row r="40" spans="1:26" customFormat="1" ht="28.5" hidden="1" customHeight="1">
      <c r="A40" s="64" t="s">
        <v>1</v>
      </c>
      <c r="B40" s="147" t="s">
        <v>1</v>
      </c>
      <c r="C40" s="148"/>
      <c r="D40" s="93" t="s">
        <v>1</v>
      </c>
      <c r="E40" s="94"/>
      <c r="F40" s="153" t="s">
        <v>1</v>
      </c>
      <c r="G40" s="154"/>
      <c r="H40" s="36" t="s">
        <v>1</v>
      </c>
      <c r="I40" s="99" t="s">
        <v>1</v>
      </c>
      <c r="J40" s="100"/>
      <c r="K40" s="31" t="s">
        <v>1</v>
      </c>
      <c r="L40" s="99" t="s">
        <v>1</v>
      </c>
      <c r="M40" s="99"/>
      <c r="N40" s="100"/>
      <c r="O40" s="31" t="s">
        <v>1</v>
      </c>
      <c r="P40" s="99" t="s">
        <v>1</v>
      </c>
      <c r="Q40" s="100"/>
      <c r="R40" s="31" t="s">
        <v>1</v>
      </c>
      <c r="S40" s="99" t="s">
        <v>1</v>
      </c>
      <c r="T40" s="99"/>
      <c r="U40" s="100"/>
      <c r="V40" s="31" t="s">
        <v>1</v>
      </c>
      <c r="W40" s="99" t="s">
        <v>1</v>
      </c>
      <c r="X40" s="99"/>
      <c r="Y40" s="152"/>
      <c r="Z40" s="4"/>
    </row>
    <row r="41" spans="1:26" customFormat="1" ht="28.5" hidden="1" customHeight="1">
      <c r="A41" s="64" t="s">
        <v>1</v>
      </c>
      <c r="B41" s="147" t="s">
        <v>1</v>
      </c>
      <c r="C41" s="148"/>
      <c r="D41" s="93" t="s">
        <v>1</v>
      </c>
      <c r="E41" s="94"/>
      <c r="F41" s="153" t="s">
        <v>1</v>
      </c>
      <c r="G41" s="154"/>
      <c r="H41" s="36" t="s">
        <v>1</v>
      </c>
      <c r="I41" s="99" t="s">
        <v>1</v>
      </c>
      <c r="J41" s="100"/>
      <c r="K41" s="31" t="s">
        <v>1</v>
      </c>
      <c r="L41" s="99" t="s">
        <v>1</v>
      </c>
      <c r="M41" s="99"/>
      <c r="N41" s="100"/>
      <c r="O41" s="31" t="s">
        <v>1</v>
      </c>
      <c r="P41" s="99" t="s">
        <v>1</v>
      </c>
      <c r="Q41" s="100"/>
      <c r="R41" s="31" t="s">
        <v>1</v>
      </c>
      <c r="S41" s="99" t="s">
        <v>1</v>
      </c>
      <c r="T41" s="99"/>
      <c r="U41" s="100"/>
      <c r="V41" s="31" t="s">
        <v>1</v>
      </c>
      <c r="W41" s="99" t="s">
        <v>1</v>
      </c>
      <c r="X41" s="99"/>
      <c r="Y41" s="152"/>
      <c r="Z41" s="4"/>
    </row>
    <row r="42" spans="1:26" customFormat="1" ht="28.5" hidden="1" customHeight="1">
      <c r="A42" s="64" t="s">
        <v>1</v>
      </c>
      <c r="B42" s="147" t="s">
        <v>1</v>
      </c>
      <c r="C42" s="148"/>
      <c r="D42" s="93" t="s">
        <v>1</v>
      </c>
      <c r="E42" s="94"/>
      <c r="F42" s="153" t="s">
        <v>1</v>
      </c>
      <c r="G42" s="154"/>
      <c r="H42" s="36" t="s">
        <v>1</v>
      </c>
      <c r="I42" s="99" t="s">
        <v>1</v>
      </c>
      <c r="J42" s="100"/>
      <c r="K42" s="31" t="s">
        <v>1</v>
      </c>
      <c r="L42" s="99" t="s">
        <v>1</v>
      </c>
      <c r="M42" s="99"/>
      <c r="N42" s="100"/>
      <c r="O42" s="31" t="s">
        <v>1</v>
      </c>
      <c r="P42" s="99" t="s">
        <v>1</v>
      </c>
      <c r="Q42" s="100"/>
      <c r="R42" s="31" t="s">
        <v>1</v>
      </c>
      <c r="S42" s="99" t="s">
        <v>1</v>
      </c>
      <c r="T42" s="99"/>
      <c r="U42" s="100"/>
      <c r="V42" s="31" t="s">
        <v>1</v>
      </c>
      <c r="W42" s="99" t="s">
        <v>1</v>
      </c>
      <c r="X42" s="99"/>
      <c r="Y42" s="152"/>
      <c r="Z42" s="4"/>
    </row>
    <row r="43" spans="1:26" customFormat="1" ht="28.5" hidden="1" customHeight="1">
      <c r="A43" s="64" t="s">
        <v>1</v>
      </c>
      <c r="B43" s="147" t="s">
        <v>1</v>
      </c>
      <c r="C43" s="148"/>
      <c r="D43" s="93" t="s">
        <v>1</v>
      </c>
      <c r="E43" s="94"/>
      <c r="F43" s="153" t="s">
        <v>1</v>
      </c>
      <c r="G43" s="154"/>
      <c r="H43" s="36" t="s">
        <v>1</v>
      </c>
      <c r="I43" s="99" t="s">
        <v>1</v>
      </c>
      <c r="J43" s="100"/>
      <c r="K43" s="31" t="s">
        <v>1</v>
      </c>
      <c r="L43" s="99" t="s">
        <v>1</v>
      </c>
      <c r="M43" s="99"/>
      <c r="N43" s="100"/>
      <c r="O43" s="31" t="s">
        <v>1</v>
      </c>
      <c r="P43" s="99" t="s">
        <v>1</v>
      </c>
      <c r="Q43" s="100"/>
      <c r="R43" s="31" t="s">
        <v>1</v>
      </c>
      <c r="S43" s="99" t="s">
        <v>1</v>
      </c>
      <c r="T43" s="99"/>
      <c r="U43" s="100"/>
      <c r="V43" s="31" t="s">
        <v>1</v>
      </c>
      <c r="W43" s="99" t="s">
        <v>1</v>
      </c>
      <c r="X43" s="99"/>
      <c r="Y43" s="152"/>
      <c r="Z43" s="4"/>
    </row>
    <row r="44" spans="1:26" customFormat="1" ht="28.5" hidden="1" customHeight="1">
      <c r="A44" s="64" t="s">
        <v>1</v>
      </c>
      <c r="B44" s="147" t="s">
        <v>1</v>
      </c>
      <c r="C44" s="148"/>
      <c r="D44" s="111" t="s">
        <v>1</v>
      </c>
      <c r="E44" s="112"/>
      <c r="F44" s="149" t="s">
        <v>1</v>
      </c>
      <c r="G44" s="150"/>
      <c r="H44" s="45" t="s">
        <v>1</v>
      </c>
      <c r="I44" s="117" t="s">
        <v>1</v>
      </c>
      <c r="J44" s="118"/>
      <c r="K44" s="46" t="s">
        <v>1</v>
      </c>
      <c r="L44" s="117" t="s">
        <v>1</v>
      </c>
      <c r="M44" s="117"/>
      <c r="N44" s="118"/>
      <c r="O44" s="46" t="s">
        <v>1</v>
      </c>
      <c r="P44" s="117" t="s">
        <v>1</v>
      </c>
      <c r="Q44" s="118"/>
      <c r="R44" s="46" t="s">
        <v>1</v>
      </c>
      <c r="S44" s="117" t="s">
        <v>1</v>
      </c>
      <c r="T44" s="117"/>
      <c r="U44" s="118"/>
      <c r="V44" s="46" t="s">
        <v>1</v>
      </c>
      <c r="W44" s="117" t="s">
        <v>1</v>
      </c>
      <c r="X44" s="117"/>
      <c r="Y44" s="146"/>
      <c r="Z44" s="4"/>
    </row>
    <row r="45" spans="1:26" s="6" customFormat="1" ht="28.5" customHeight="1">
      <c r="A45" s="122" t="s">
        <v>4</v>
      </c>
      <c r="B45" s="123"/>
      <c r="C45" s="123"/>
      <c r="D45" s="123"/>
      <c r="E45" s="123"/>
      <c r="F45" s="123"/>
      <c r="G45" s="123"/>
      <c r="H45" s="74" t="s">
        <v>5</v>
      </c>
      <c r="I45" s="119" t="s">
        <v>272</v>
      </c>
      <c r="J45" s="120"/>
      <c r="K45" s="75" t="s">
        <v>299</v>
      </c>
      <c r="L45" s="119" t="s">
        <v>292</v>
      </c>
      <c r="M45" s="119"/>
      <c r="N45" s="120"/>
      <c r="O45" s="61" t="s">
        <v>1</v>
      </c>
      <c r="P45" s="119" t="s">
        <v>293</v>
      </c>
      <c r="Q45" s="120"/>
      <c r="R45" s="61" t="s">
        <v>1</v>
      </c>
      <c r="S45" s="119" t="s">
        <v>294</v>
      </c>
      <c r="T45" s="119"/>
      <c r="U45" s="120"/>
      <c r="V45" s="61" t="s">
        <v>1</v>
      </c>
      <c r="W45" s="119" t="s">
        <v>295</v>
      </c>
      <c r="X45" s="119"/>
      <c r="Y45" s="151"/>
    </row>
    <row r="46" spans="1:26" s="6" customFormat="1" ht="18" customHeight="1">
      <c r="A46" s="37"/>
      <c r="B46" s="37"/>
      <c r="C46" s="37"/>
      <c r="D46" s="37"/>
      <c r="E46" s="48"/>
      <c r="F46" s="17"/>
      <c r="G46" s="17"/>
      <c r="H46" s="17"/>
      <c r="I46" s="17"/>
      <c r="J46" s="17"/>
      <c r="K46" s="17"/>
      <c r="L46" s="17"/>
      <c r="M46" s="17"/>
      <c r="N46" s="17"/>
      <c r="O46" s="28"/>
      <c r="P46" s="28"/>
      <c r="Q46" s="28"/>
      <c r="R46" s="28"/>
      <c r="S46" s="28"/>
      <c r="T46" s="28"/>
      <c r="U46" s="28"/>
      <c r="V46" s="28"/>
      <c r="W46" s="28"/>
      <c r="X46" s="28"/>
      <c r="Y46" s="28"/>
    </row>
    <row r="47" spans="1:26" s="7" customFormat="1" ht="18" customHeight="1">
      <c r="A47" s="38"/>
      <c r="B47" s="38"/>
      <c r="C47" s="38"/>
      <c r="D47" s="39"/>
      <c r="E47" s="39"/>
      <c r="F47" s="163" t="s">
        <v>5</v>
      </c>
      <c r="G47" s="163"/>
      <c r="H47" s="163"/>
      <c r="I47" s="163"/>
      <c r="J47" s="163"/>
      <c r="K47" s="163"/>
      <c r="L47" s="38"/>
      <c r="M47" s="38"/>
      <c r="N47" s="38"/>
      <c r="O47" s="40"/>
      <c r="P47" s="40"/>
      <c r="Q47" s="41" t="s">
        <v>299</v>
      </c>
      <c r="R47" s="40"/>
      <c r="S47" s="40"/>
      <c r="T47" s="40"/>
      <c r="U47" s="40"/>
      <c r="V47" s="40"/>
      <c r="W47" s="40"/>
      <c r="X47" s="40"/>
      <c r="Y47" s="40"/>
    </row>
    <row r="48" spans="1:26" s="7" customFormat="1" ht="18" customHeight="1">
      <c r="A48" s="38"/>
      <c r="B48" s="38"/>
      <c r="C48" s="38"/>
      <c r="D48" s="42" t="s">
        <v>6</v>
      </c>
      <c r="E48" s="42"/>
      <c r="F48" s="164" t="s">
        <v>6</v>
      </c>
      <c r="G48" s="164"/>
      <c r="H48" s="164"/>
      <c r="I48" s="164"/>
      <c r="J48" s="164"/>
      <c r="K48" s="164"/>
      <c r="L48" s="38"/>
      <c r="M48" s="38"/>
      <c r="N48" s="38"/>
      <c r="O48" s="40"/>
      <c r="P48" s="40"/>
      <c r="Q48" s="41" t="s">
        <v>95</v>
      </c>
      <c r="R48" s="40"/>
      <c r="S48" s="40"/>
      <c r="T48" s="40"/>
      <c r="U48" s="40"/>
      <c r="V48" s="40"/>
      <c r="W48" s="40"/>
      <c r="X48" s="40"/>
      <c r="Y48" s="40"/>
    </row>
    <row r="49" spans="1:28" s="7" customFormat="1" ht="18" customHeight="1">
      <c r="A49" s="38"/>
      <c r="B49" s="38"/>
      <c r="C49" s="38"/>
      <c r="D49" s="49"/>
      <c r="E49" s="49"/>
      <c r="F49" s="49"/>
      <c r="G49" s="49"/>
      <c r="H49" s="38"/>
      <c r="I49" s="38"/>
      <c r="J49" s="41"/>
      <c r="K49" s="38"/>
      <c r="L49" s="38"/>
      <c r="M49" s="38"/>
      <c r="N49" s="38"/>
      <c r="O49" s="40"/>
      <c r="P49" s="40"/>
      <c r="Q49" s="40"/>
      <c r="R49" s="40"/>
      <c r="S49" s="40"/>
      <c r="T49" s="40"/>
      <c r="U49" s="40"/>
      <c r="V49" s="40"/>
      <c r="W49" s="40"/>
      <c r="X49" s="40"/>
      <c r="Y49" s="40"/>
    </row>
    <row r="50" spans="1:28" s="7" customFormat="1" ht="18" customHeight="1">
      <c r="A50" s="38"/>
      <c r="B50" s="38"/>
      <c r="C50" s="38"/>
      <c r="D50" s="40"/>
      <c r="E50" s="38"/>
      <c r="F50" s="44" t="s">
        <v>464</v>
      </c>
      <c r="G50" s="38"/>
      <c r="H50" s="38"/>
      <c r="I50" s="38"/>
      <c r="J50" s="38"/>
      <c r="K50" s="38"/>
      <c r="L50" s="38"/>
      <c r="M50" s="38"/>
      <c r="N50" s="38"/>
      <c r="O50" s="38"/>
      <c r="P50" s="40"/>
      <c r="Q50" s="40"/>
      <c r="R50" s="40"/>
      <c r="S50" s="40"/>
      <c r="T50" s="40"/>
      <c r="U50" s="40"/>
      <c r="V50" s="40"/>
      <c r="W50" s="40"/>
      <c r="X50" s="40"/>
      <c r="Y50" s="40"/>
    </row>
    <row r="51" spans="1:28" s="7" customFormat="1" ht="18" customHeight="1">
      <c r="A51" s="38"/>
      <c r="B51" s="38"/>
      <c r="C51" s="38"/>
      <c r="D51" s="38"/>
      <c r="E51" s="38"/>
      <c r="F51" s="38"/>
      <c r="G51" s="38"/>
      <c r="H51" s="38"/>
      <c r="I51" s="38"/>
      <c r="J51" s="38"/>
      <c r="K51" s="38"/>
      <c r="L51" s="38"/>
      <c r="M51" s="38"/>
      <c r="N51" s="38"/>
      <c r="O51" s="40"/>
      <c r="P51" s="40"/>
      <c r="Q51" s="40"/>
      <c r="R51" s="40"/>
      <c r="S51" s="40"/>
      <c r="T51" s="40"/>
      <c r="U51" s="40"/>
      <c r="V51" s="40"/>
      <c r="W51" s="40"/>
      <c r="X51" s="40"/>
      <c r="Y51" s="40"/>
    </row>
    <row r="52" spans="1:28" ht="18" customHeight="1">
      <c r="A52" s="30"/>
      <c r="B52" s="30"/>
      <c r="C52" s="30"/>
      <c r="D52" s="30"/>
      <c r="E52" s="30"/>
      <c r="F52" s="30"/>
      <c r="G52" s="30"/>
      <c r="H52" s="14"/>
      <c r="I52" s="30"/>
      <c r="J52" s="30"/>
      <c r="K52" s="30"/>
      <c r="L52" s="44" t="s">
        <v>8</v>
      </c>
      <c r="M52" s="30"/>
      <c r="N52" s="30"/>
      <c r="O52" s="14"/>
      <c r="P52" s="14"/>
      <c r="Q52" s="14"/>
      <c r="R52" s="14"/>
      <c r="S52" s="14"/>
      <c r="T52" s="14"/>
      <c r="U52" s="14"/>
      <c r="V52" s="14"/>
      <c r="W52" s="14"/>
      <c r="X52" s="14"/>
      <c r="Y52" s="14"/>
    </row>
    <row r="53" spans="1:28" customFormat="1" ht="29.1" customHeight="1">
      <c r="A53" s="48"/>
      <c r="B53" s="16"/>
      <c r="C53" s="48"/>
      <c r="D53" s="21"/>
      <c r="E53" s="22"/>
      <c r="F53" s="22"/>
      <c r="G53" s="23"/>
      <c r="H53" s="24"/>
      <c r="I53" s="22"/>
      <c r="J53" s="48"/>
      <c r="K53" s="22"/>
      <c r="L53" s="48"/>
      <c r="M53" s="22"/>
      <c r="N53" s="19"/>
      <c r="O53" s="19"/>
      <c r="P53" s="19"/>
      <c r="Q53" s="19"/>
      <c r="R53" s="20"/>
      <c r="S53" s="20"/>
      <c r="T53" s="20"/>
      <c r="U53" s="20"/>
      <c r="V53" s="20"/>
      <c r="W53" s="20"/>
      <c r="X53" s="20"/>
      <c r="Y53" s="20"/>
      <c r="Z53" s="20"/>
      <c r="AA53" s="20"/>
      <c r="AB53" s="20"/>
    </row>
    <row r="54" spans="1:28" customFormat="1" ht="29.1" customHeight="1">
      <c r="A54" s="48"/>
      <c r="B54" s="16"/>
      <c r="C54" s="48"/>
      <c r="D54" s="21"/>
      <c r="E54" s="22"/>
      <c r="F54" s="22"/>
      <c r="G54" s="16"/>
      <c r="H54" s="48"/>
      <c r="I54" s="22"/>
      <c r="J54" s="48"/>
      <c r="K54" s="22"/>
      <c r="L54" s="48"/>
      <c r="M54" s="22"/>
      <c r="N54" s="19"/>
      <c r="O54" s="19"/>
      <c r="P54" s="19"/>
      <c r="Q54" s="19"/>
      <c r="R54" s="20"/>
      <c r="S54" s="20"/>
      <c r="T54" s="20"/>
      <c r="U54" s="20"/>
      <c r="V54" s="20"/>
      <c r="W54" s="20"/>
      <c r="X54" s="20"/>
      <c r="Y54" s="20"/>
      <c r="Z54" s="20"/>
      <c r="AA54" s="20"/>
      <c r="AB54" s="20"/>
    </row>
    <row r="55" spans="1:28" customFormat="1" ht="29.1" customHeight="1">
      <c r="A55" s="48"/>
      <c r="B55" s="16"/>
      <c r="C55" s="48"/>
      <c r="D55" s="21"/>
      <c r="E55" s="22"/>
      <c r="F55" s="22"/>
      <c r="G55" s="23"/>
      <c r="H55" s="24"/>
      <c r="I55" s="22"/>
      <c r="J55" s="48"/>
      <c r="K55" s="22"/>
      <c r="L55" s="48"/>
      <c r="M55" s="22"/>
      <c r="N55" s="19"/>
      <c r="O55" s="19"/>
      <c r="P55" s="19"/>
      <c r="Q55" s="19"/>
      <c r="R55" s="20"/>
      <c r="S55" s="20"/>
      <c r="T55" s="20"/>
      <c r="U55" s="20"/>
      <c r="V55" s="20"/>
      <c r="W55" s="20"/>
      <c r="X55" s="20"/>
      <c r="Y55" s="20"/>
      <c r="Z55" s="20"/>
      <c r="AA55" s="20"/>
      <c r="AB55" s="20"/>
    </row>
    <row r="56" spans="1:28" s="6" customFormat="1" ht="29.1" customHeight="1">
      <c r="A56" s="25"/>
      <c r="B56" s="25"/>
      <c r="C56" s="25"/>
      <c r="D56" s="25"/>
      <c r="E56" s="47"/>
      <c r="F56" s="47"/>
      <c r="G56" s="26"/>
      <c r="H56" s="17"/>
      <c r="I56" s="47"/>
      <c r="J56" s="17"/>
      <c r="K56" s="47"/>
      <c r="L56" s="17"/>
      <c r="M56" s="47"/>
      <c r="N56" s="27"/>
      <c r="O56" s="27"/>
      <c r="P56" s="27"/>
      <c r="Q56" s="27"/>
      <c r="R56" s="28"/>
      <c r="S56" s="28"/>
      <c r="T56" s="28"/>
      <c r="U56" s="28"/>
      <c r="V56" s="28"/>
      <c r="W56" s="28"/>
      <c r="X56" s="28"/>
      <c r="Y56" s="28"/>
      <c r="Z56" s="28"/>
      <c r="AA56" s="28"/>
      <c r="AB56" s="28"/>
    </row>
    <row r="57" spans="1:28" ht="29.1" customHeight="1">
      <c r="A57" s="14"/>
      <c r="B57" s="14"/>
      <c r="C57" s="14"/>
      <c r="D57" s="14"/>
      <c r="E57" s="14"/>
      <c r="F57" s="14"/>
      <c r="G57" s="14"/>
      <c r="H57" s="30"/>
      <c r="I57" s="30"/>
      <c r="J57" s="30"/>
      <c r="K57" s="14"/>
      <c r="L57" s="14"/>
      <c r="M57" s="14"/>
      <c r="N57" s="14"/>
      <c r="O57" s="14"/>
      <c r="P57" s="14"/>
      <c r="Q57" s="14"/>
      <c r="R57" s="14"/>
      <c r="S57" s="14"/>
      <c r="T57" s="14"/>
      <c r="U57" s="14"/>
      <c r="V57" s="14"/>
      <c r="W57" s="14"/>
      <c r="X57" s="14"/>
      <c r="Y57" s="14"/>
      <c r="Z57" s="14"/>
      <c r="AA57" s="14"/>
      <c r="AB57" s="14"/>
    </row>
    <row r="58" spans="1:28" ht="29.1" customHeight="1">
      <c r="A58" s="14"/>
      <c r="B58" s="14"/>
      <c r="C58" s="14"/>
      <c r="D58" s="14"/>
      <c r="E58" s="14"/>
      <c r="F58" s="14"/>
      <c r="G58" s="14"/>
      <c r="H58" s="30"/>
      <c r="I58" s="30"/>
      <c r="J58" s="30"/>
      <c r="K58" s="14"/>
      <c r="L58" s="14"/>
      <c r="M58" s="14"/>
      <c r="N58" s="14"/>
      <c r="O58" s="14"/>
      <c r="P58" s="14"/>
      <c r="Q58" s="14"/>
      <c r="R58" s="14"/>
      <c r="S58" s="14"/>
      <c r="T58" s="14"/>
      <c r="U58" s="14"/>
      <c r="V58" s="14"/>
      <c r="W58" s="14"/>
      <c r="X58" s="14"/>
      <c r="Y58" s="14"/>
      <c r="Z58" s="14"/>
      <c r="AA58" s="14"/>
      <c r="AB58" s="14"/>
    </row>
    <row r="59" spans="1:28" ht="29.1" customHeight="1">
      <c r="A59" s="14"/>
      <c r="B59" s="14"/>
      <c r="C59" s="14"/>
      <c r="D59" s="14"/>
      <c r="E59" s="14"/>
      <c r="F59" s="14"/>
      <c r="G59" s="14"/>
      <c r="H59" s="30"/>
      <c r="I59" s="30"/>
      <c r="J59" s="30"/>
      <c r="K59" s="14"/>
      <c r="L59" s="14"/>
      <c r="M59" s="14"/>
      <c r="N59" s="14"/>
      <c r="O59" s="14"/>
      <c r="P59" s="14"/>
      <c r="Q59" s="14"/>
      <c r="R59" s="14"/>
      <c r="S59" s="14"/>
      <c r="T59" s="14"/>
      <c r="U59" s="14"/>
      <c r="V59" s="14"/>
      <c r="W59" s="14"/>
      <c r="X59" s="14"/>
      <c r="Y59" s="14"/>
      <c r="Z59" s="14"/>
      <c r="AA59" s="14"/>
      <c r="AB59" s="14"/>
    </row>
    <row r="60" spans="1:28" ht="29.1" customHeight="1">
      <c r="A60" s="14"/>
      <c r="B60" s="14"/>
      <c r="C60" s="14"/>
      <c r="D60" s="14"/>
      <c r="E60" s="14"/>
      <c r="F60" s="14"/>
      <c r="G60" s="14"/>
      <c r="H60" s="14"/>
      <c r="I60" s="14"/>
      <c r="J60" s="14"/>
      <c r="K60" s="14"/>
      <c r="L60" s="14"/>
      <c r="M60" s="14"/>
      <c r="N60" s="14"/>
      <c r="O60" s="14"/>
      <c r="P60" s="14"/>
      <c r="Q60" s="14"/>
      <c r="R60" s="14"/>
      <c r="S60" s="14"/>
      <c r="T60" s="14"/>
      <c r="U60" s="14"/>
      <c r="V60" s="14"/>
      <c r="W60" s="14"/>
      <c r="X60" s="14"/>
      <c r="Y60" s="14"/>
      <c r="Z60" s="14"/>
      <c r="AA60" s="14"/>
      <c r="AB60" s="14"/>
    </row>
    <row r="61" spans="1:28" ht="29.1" customHeight="1">
      <c r="A61" s="14"/>
      <c r="B61" s="14"/>
      <c r="C61" s="14"/>
      <c r="D61" s="14"/>
      <c r="E61" s="14"/>
      <c r="F61" s="14"/>
      <c r="G61" s="14"/>
      <c r="H61" s="14"/>
      <c r="I61" s="14"/>
      <c r="J61" s="14"/>
      <c r="K61" s="14"/>
      <c r="L61" s="14"/>
      <c r="M61" s="14"/>
      <c r="N61" s="14"/>
      <c r="O61" s="14"/>
      <c r="P61" s="14"/>
      <c r="Q61" s="14"/>
      <c r="R61" s="14"/>
      <c r="S61" s="14"/>
      <c r="T61" s="14"/>
      <c r="U61" s="14"/>
      <c r="V61" s="14"/>
      <c r="W61" s="14"/>
      <c r="X61" s="14"/>
      <c r="Y61" s="14"/>
      <c r="Z61" s="14"/>
      <c r="AA61" s="14"/>
      <c r="AB61" s="14"/>
    </row>
    <row r="62" spans="1:28" ht="29.1" customHeight="1">
      <c r="A62" s="14"/>
      <c r="B62" s="14"/>
      <c r="C62" s="14"/>
      <c r="D62" s="14"/>
      <c r="E62" s="14"/>
      <c r="F62" s="14"/>
      <c r="G62" s="14"/>
      <c r="H62" s="14"/>
      <c r="I62" s="14"/>
      <c r="J62" s="14"/>
      <c r="K62" s="14"/>
      <c r="L62" s="14"/>
      <c r="M62" s="14"/>
      <c r="N62" s="14"/>
      <c r="O62" s="14"/>
      <c r="P62" s="14"/>
      <c r="Q62" s="14"/>
      <c r="R62" s="14"/>
      <c r="S62" s="14"/>
      <c r="T62" s="14"/>
      <c r="U62" s="14"/>
      <c r="V62" s="14"/>
      <c r="W62" s="14"/>
      <c r="X62" s="14"/>
      <c r="Y62" s="14"/>
      <c r="Z62" s="14"/>
      <c r="AA62" s="14"/>
      <c r="AB62" s="14"/>
    </row>
    <row r="63" spans="1:28" ht="29.1" customHeight="1">
      <c r="A63" s="14"/>
      <c r="B63" s="14"/>
      <c r="C63" s="14"/>
      <c r="D63" s="14"/>
      <c r="E63" s="14"/>
      <c r="F63" s="14"/>
      <c r="G63" s="14"/>
      <c r="H63" s="14"/>
      <c r="I63" s="14"/>
      <c r="J63" s="14"/>
      <c r="K63" s="14"/>
      <c r="L63" s="14"/>
      <c r="M63" s="14"/>
      <c r="N63" s="14"/>
      <c r="O63" s="14"/>
      <c r="P63" s="14"/>
      <c r="Q63" s="14"/>
      <c r="R63" s="14"/>
      <c r="S63" s="14"/>
      <c r="T63" s="14"/>
      <c r="U63" s="14"/>
      <c r="V63" s="14"/>
      <c r="W63" s="14"/>
      <c r="X63" s="14"/>
      <c r="Y63" s="14"/>
      <c r="Z63" s="14"/>
      <c r="AA63" s="14"/>
      <c r="AB63" s="14"/>
    </row>
    <row r="64" spans="1:28" ht="29.1" customHeight="1">
      <c r="A64" s="14"/>
      <c r="B64" s="14"/>
      <c r="C64" s="14"/>
      <c r="D64" s="14"/>
      <c r="E64" s="14"/>
      <c r="F64" s="14"/>
      <c r="G64" s="14"/>
      <c r="H64" s="14"/>
      <c r="I64" s="14"/>
      <c r="J64" s="14"/>
      <c r="K64" s="14"/>
      <c r="L64" s="14"/>
      <c r="M64" s="14"/>
      <c r="N64" s="14"/>
      <c r="O64" s="14"/>
      <c r="P64" s="14"/>
      <c r="Q64" s="14"/>
      <c r="R64" s="14"/>
      <c r="S64" s="14"/>
      <c r="T64" s="14"/>
      <c r="U64" s="14"/>
      <c r="V64" s="14"/>
      <c r="W64" s="14"/>
      <c r="X64" s="14"/>
      <c r="Y64" s="14"/>
      <c r="Z64" s="14"/>
      <c r="AA64" s="14"/>
      <c r="AB64" s="14"/>
    </row>
    <row r="65" spans="1:28" ht="29.1" customHeight="1">
      <c r="A65" s="14"/>
      <c r="B65" s="14"/>
      <c r="C65" s="14"/>
      <c r="D65" s="14"/>
      <c r="E65" s="14"/>
      <c r="F65" s="14"/>
      <c r="G65" s="14"/>
      <c r="H65" s="14"/>
      <c r="I65" s="14"/>
      <c r="J65" s="14"/>
      <c r="K65" s="14"/>
      <c r="L65" s="14"/>
      <c r="M65" s="14"/>
      <c r="N65" s="14"/>
      <c r="O65" s="14"/>
      <c r="P65" s="14"/>
      <c r="Q65" s="14"/>
      <c r="R65" s="14"/>
      <c r="S65" s="14"/>
      <c r="T65" s="14"/>
      <c r="U65" s="14"/>
      <c r="V65" s="14"/>
      <c r="W65" s="14"/>
      <c r="X65" s="14"/>
      <c r="Y65" s="14"/>
      <c r="Z65" s="14"/>
      <c r="AA65" s="14"/>
      <c r="AB65" s="14"/>
    </row>
    <row r="66" spans="1:28" ht="29.1" customHeight="1">
      <c r="A66" s="14"/>
      <c r="B66" s="14"/>
      <c r="C66" s="14"/>
      <c r="D66" s="14"/>
      <c r="E66" s="14"/>
      <c r="F66" s="14"/>
      <c r="G66" s="14"/>
      <c r="H66" s="14"/>
      <c r="I66" s="14"/>
      <c r="J66" s="14"/>
      <c r="K66" s="14"/>
      <c r="L66" s="14"/>
      <c r="M66" s="14"/>
      <c r="N66" s="14"/>
      <c r="O66" s="14"/>
      <c r="P66" s="14"/>
      <c r="Q66" s="14"/>
      <c r="R66" s="14"/>
      <c r="S66" s="14"/>
      <c r="T66" s="14"/>
      <c r="U66" s="14"/>
      <c r="V66" s="14"/>
      <c r="W66" s="14"/>
      <c r="X66" s="14"/>
      <c r="Y66" s="14"/>
      <c r="Z66" s="14"/>
      <c r="AA66" s="14"/>
      <c r="AB66" s="14"/>
    </row>
    <row r="67" spans="1:28" ht="29.1" customHeight="1">
      <c r="A67" s="14"/>
      <c r="B67" s="14"/>
      <c r="C67" s="14"/>
      <c r="D67" s="14"/>
      <c r="E67" s="14"/>
      <c r="F67" s="14"/>
      <c r="G67" s="14"/>
      <c r="H67" s="14"/>
      <c r="I67" s="14"/>
      <c r="J67" s="14"/>
      <c r="K67" s="14"/>
      <c r="L67" s="14"/>
      <c r="M67" s="14"/>
      <c r="N67" s="14"/>
      <c r="O67" s="14"/>
      <c r="P67" s="14"/>
      <c r="Q67" s="14"/>
      <c r="R67" s="14"/>
      <c r="S67" s="14"/>
      <c r="T67" s="14"/>
      <c r="U67" s="14"/>
      <c r="V67" s="14"/>
      <c r="W67" s="14"/>
      <c r="X67" s="14"/>
      <c r="Y67" s="14"/>
      <c r="Z67" s="14"/>
      <c r="AA67" s="14"/>
      <c r="AB67" s="14"/>
    </row>
    <row r="68" spans="1:28" ht="29.1" customHeight="1">
      <c r="A68" s="14"/>
      <c r="B68" s="14"/>
      <c r="C68" s="14"/>
      <c r="D68" s="14"/>
      <c r="E68" s="14"/>
      <c r="F68" s="14"/>
      <c r="G68" s="14"/>
      <c r="H68" s="14"/>
      <c r="I68" s="14"/>
      <c r="J68" s="14"/>
      <c r="K68" s="14"/>
      <c r="L68" s="14"/>
      <c r="M68" s="14"/>
      <c r="N68" s="14"/>
      <c r="O68" s="14"/>
      <c r="P68" s="14"/>
      <c r="Q68" s="14"/>
      <c r="R68" s="14"/>
      <c r="S68" s="14"/>
      <c r="T68" s="14"/>
      <c r="U68" s="14"/>
      <c r="V68" s="14"/>
      <c r="W68" s="14"/>
      <c r="X68" s="14"/>
      <c r="Y68" s="14"/>
      <c r="Z68" s="14"/>
      <c r="AA68" s="14"/>
      <c r="AB68" s="14"/>
    </row>
    <row r="69" spans="1:28" ht="29.1" customHeight="1">
      <c r="A69" s="14"/>
      <c r="B69" s="14"/>
      <c r="C69" s="14"/>
      <c r="D69" s="14"/>
      <c r="E69" s="14"/>
      <c r="F69" s="14"/>
      <c r="G69" s="14"/>
      <c r="H69" s="14"/>
      <c r="I69" s="14"/>
      <c r="J69" s="14"/>
      <c r="K69" s="14"/>
      <c r="L69" s="14"/>
      <c r="M69" s="14"/>
      <c r="N69" s="14"/>
      <c r="O69" s="14"/>
      <c r="P69" s="14"/>
      <c r="Q69" s="14"/>
      <c r="R69" s="14"/>
      <c r="S69" s="14"/>
      <c r="T69" s="14"/>
      <c r="U69" s="14"/>
      <c r="V69" s="14"/>
      <c r="W69" s="14"/>
      <c r="X69" s="14"/>
      <c r="Y69" s="14"/>
      <c r="Z69" s="14"/>
      <c r="AA69" s="14"/>
      <c r="AB69" s="14"/>
    </row>
    <row r="70" spans="1:28" ht="29.1" customHeight="1">
      <c r="A70" s="14"/>
      <c r="B70" s="14"/>
      <c r="C70" s="14"/>
      <c r="D70" s="14"/>
      <c r="E70" s="14"/>
      <c r="F70" s="14"/>
      <c r="G70" s="14"/>
      <c r="H70" s="14"/>
      <c r="I70" s="14"/>
      <c r="J70" s="14"/>
      <c r="K70" s="14"/>
      <c r="L70" s="14"/>
      <c r="M70" s="14"/>
      <c r="N70" s="14"/>
      <c r="O70" s="14"/>
      <c r="P70" s="14"/>
      <c r="Q70" s="14"/>
      <c r="R70" s="14"/>
      <c r="S70" s="14"/>
      <c r="T70" s="14"/>
      <c r="U70" s="14"/>
      <c r="V70" s="14"/>
      <c r="W70" s="14"/>
      <c r="X70" s="14"/>
      <c r="Y70" s="14"/>
      <c r="Z70" s="14"/>
      <c r="AA70" s="14"/>
      <c r="AB70" s="14"/>
    </row>
    <row r="71" spans="1:28" ht="29.1" customHeight="1">
      <c r="A71" s="14"/>
      <c r="B71" s="14"/>
      <c r="C71" s="14"/>
      <c r="D71" s="14"/>
      <c r="E71" s="14"/>
      <c r="F71" s="14"/>
      <c r="G71" s="14"/>
      <c r="H71" s="14"/>
      <c r="I71" s="14"/>
      <c r="J71" s="14"/>
      <c r="K71" s="14"/>
      <c r="L71" s="14"/>
      <c r="M71" s="14"/>
      <c r="N71" s="14"/>
      <c r="O71" s="14"/>
      <c r="P71" s="14"/>
      <c r="Q71" s="14"/>
      <c r="R71" s="14"/>
      <c r="S71" s="14"/>
      <c r="T71" s="14"/>
      <c r="U71" s="14"/>
      <c r="V71" s="14"/>
      <c r="W71" s="14"/>
      <c r="X71" s="14"/>
      <c r="Y71" s="14"/>
      <c r="Z71" s="14"/>
      <c r="AA71" s="14"/>
      <c r="AB71" s="14"/>
    </row>
    <row r="72" spans="1:28" ht="29.1" customHeight="1">
      <c r="A72" s="14"/>
      <c r="B72" s="14"/>
      <c r="C72" s="14"/>
      <c r="D72" s="14"/>
      <c r="E72" s="14"/>
      <c r="F72" s="14"/>
      <c r="G72" s="14"/>
      <c r="H72" s="14"/>
      <c r="I72" s="14"/>
      <c r="J72" s="14"/>
      <c r="K72" s="14"/>
      <c r="L72" s="14"/>
      <c r="M72" s="14"/>
      <c r="N72" s="14"/>
      <c r="O72" s="14"/>
      <c r="P72" s="14"/>
      <c r="Q72" s="14"/>
      <c r="R72" s="14"/>
      <c r="S72" s="14"/>
      <c r="T72" s="14"/>
      <c r="U72" s="14"/>
      <c r="V72" s="14"/>
      <c r="W72" s="14"/>
      <c r="X72" s="14"/>
      <c r="Y72" s="14"/>
      <c r="Z72" s="14"/>
      <c r="AA72" s="14"/>
      <c r="AB72" s="14"/>
    </row>
    <row r="73" spans="1:28" ht="29.1" customHeight="1">
      <c r="A73" s="14"/>
      <c r="B73" s="14"/>
      <c r="C73" s="14"/>
      <c r="D73" s="14"/>
      <c r="E73" s="14"/>
      <c r="F73" s="14"/>
      <c r="G73" s="14"/>
      <c r="H73" s="14"/>
      <c r="I73" s="14"/>
      <c r="J73" s="14"/>
      <c r="K73" s="14"/>
      <c r="L73" s="14"/>
      <c r="M73" s="14"/>
      <c r="N73" s="14"/>
      <c r="O73" s="14"/>
      <c r="P73" s="14"/>
      <c r="Q73" s="14"/>
      <c r="R73" s="14"/>
      <c r="S73" s="14"/>
      <c r="T73" s="14"/>
      <c r="U73" s="14"/>
      <c r="V73" s="14"/>
      <c r="W73" s="14"/>
      <c r="X73" s="14"/>
      <c r="Y73" s="14"/>
      <c r="Z73" s="14"/>
      <c r="AA73" s="14"/>
      <c r="AB73" s="14"/>
    </row>
    <row r="74" spans="1:28" ht="29.1" customHeight="1">
      <c r="A74" s="14"/>
      <c r="B74" s="14"/>
      <c r="C74" s="14"/>
      <c r="D74" s="14"/>
      <c r="E74" s="14"/>
      <c r="F74" s="14"/>
      <c r="G74" s="14"/>
      <c r="H74" s="14"/>
      <c r="I74" s="14"/>
      <c r="J74" s="14"/>
      <c r="K74" s="14"/>
      <c r="L74" s="14"/>
      <c r="M74" s="14"/>
      <c r="N74" s="14"/>
      <c r="O74" s="14"/>
      <c r="P74" s="14"/>
      <c r="Q74" s="14"/>
      <c r="R74" s="14"/>
      <c r="S74" s="14"/>
      <c r="T74" s="14"/>
      <c r="U74" s="14"/>
      <c r="V74" s="14"/>
      <c r="W74" s="14"/>
      <c r="X74" s="14"/>
      <c r="Y74" s="14"/>
      <c r="Z74" s="14"/>
      <c r="AA74" s="14"/>
      <c r="AB74" s="14"/>
    </row>
    <row r="75" spans="1:28" ht="29.1" customHeight="1">
      <c r="A75" s="14"/>
      <c r="B75" s="14"/>
      <c r="C75" s="14"/>
      <c r="D75" s="14"/>
      <c r="E75" s="14"/>
      <c r="F75" s="14"/>
      <c r="G75" s="14"/>
      <c r="H75" s="14"/>
      <c r="I75" s="14"/>
      <c r="J75" s="14"/>
      <c r="K75" s="14"/>
      <c r="L75" s="14"/>
      <c r="M75" s="14"/>
      <c r="N75" s="14"/>
      <c r="O75" s="14"/>
      <c r="P75" s="14"/>
      <c r="Q75" s="14"/>
      <c r="R75" s="14"/>
      <c r="S75" s="14"/>
      <c r="T75" s="14"/>
      <c r="U75" s="14"/>
      <c r="V75" s="14"/>
      <c r="W75" s="14"/>
      <c r="X75" s="14"/>
      <c r="Y75" s="14"/>
      <c r="Z75" s="14"/>
      <c r="AA75" s="14"/>
      <c r="AB75" s="14"/>
    </row>
    <row r="76" spans="1:28" ht="29.1" customHeight="1">
      <c r="A76" s="14"/>
      <c r="B76" s="14"/>
      <c r="C76" s="14"/>
      <c r="D76" s="14"/>
      <c r="E76" s="14"/>
      <c r="F76" s="14"/>
      <c r="G76" s="14"/>
      <c r="H76" s="14"/>
      <c r="I76" s="14"/>
      <c r="J76" s="14"/>
      <c r="K76" s="14"/>
      <c r="L76" s="14"/>
      <c r="M76" s="14"/>
      <c r="N76" s="14"/>
      <c r="O76" s="14"/>
      <c r="P76" s="14"/>
      <c r="Q76" s="14"/>
      <c r="R76" s="14"/>
      <c r="S76" s="14"/>
      <c r="T76" s="14"/>
      <c r="U76" s="14"/>
      <c r="V76" s="14"/>
      <c r="W76" s="14"/>
      <c r="X76" s="14"/>
      <c r="Y76" s="14"/>
      <c r="Z76" s="14"/>
      <c r="AA76" s="14"/>
      <c r="AB76" s="14"/>
    </row>
    <row r="77" spans="1:28" ht="29.1" customHeight="1">
      <c r="A77" s="14"/>
      <c r="B77" s="14"/>
      <c r="C77" s="14"/>
      <c r="D77" s="14"/>
      <c r="E77" s="14"/>
      <c r="F77" s="14"/>
      <c r="G77" s="14"/>
      <c r="H77" s="14"/>
      <c r="I77" s="14"/>
      <c r="J77" s="14"/>
      <c r="K77" s="14"/>
      <c r="L77" s="14"/>
      <c r="M77" s="14"/>
      <c r="N77" s="14"/>
      <c r="O77" s="14"/>
      <c r="P77" s="14"/>
      <c r="Q77" s="14"/>
      <c r="R77" s="14"/>
      <c r="S77" s="14"/>
      <c r="T77" s="14"/>
      <c r="U77" s="14"/>
      <c r="V77" s="14"/>
      <c r="W77" s="14"/>
      <c r="X77" s="14"/>
      <c r="Y77" s="14"/>
      <c r="Z77" s="14"/>
      <c r="AA77" s="14"/>
      <c r="AB77" s="14"/>
    </row>
    <row r="78" spans="1:28" ht="29.1" customHeight="1">
      <c r="A78" s="14"/>
      <c r="B78" s="14"/>
      <c r="C78" s="14"/>
      <c r="D78" s="14"/>
      <c r="E78" s="14"/>
      <c r="F78" s="14"/>
      <c r="G78" s="14"/>
      <c r="H78" s="14"/>
      <c r="I78" s="14"/>
      <c r="J78" s="14"/>
      <c r="K78" s="14"/>
      <c r="L78" s="14"/>
      <c r="M78" s="14"/>
      <c r="N78" s="14"/>
      <c r="O78" s="14"/>
      <c r="P78" s="14"/>
      <c r="Q78" s="14"/>
      <c r="R78" s="14"/>
      <c r="S78" s="14"/>
      <c r="T78" s="14"/>
      <c r="U78" s="14"/>
      <c r="V78" s="14"/>
      <c r="W78" s="14"/>
      <c r="X78" s="14"/>
      <c r="Y78" s="14"/>
      <c r="Z78" s="14"/>
      <c r="AA78" s="14"/>
      <c r="AB78" s="14"/>
    </row>
    <row r="79" spans="1:28" ht="29.1" customHeight="1">
      <c r="A79" s="14"/>
      <c r="B79" s="14"/>
      <c r="C79" s="14"/>
      <c r="D79" s="14"/>
      <c r="E79" s="14"/>
      <c r="F79" s="14"/>
      <c r="G79" s="14"/>
      <c r="H79" s="14"/>
      <c r="I79" s="14"/>
      <c r="J79" s="14"/>
      <c r="K79" s="14"/>
      <c r="L79" s="14"/>
      <c r="M79" s="14"/>
      <c r="N79" s="14"/>
      <c r="O79" s="14"/>
      <c r="P79" s="14"/>
      <c r="Q79" s="14"/>
      <c r="R79" s="14"/>
      <c r="S79" s="14"/>
      <c r="T79" s="14"/>
      <c r="U79" s="14"/>
      <c r="V79" s="14"/>
      <c r="W79" s="14"/>
      <c r="X79" s="14"/>
      <c r="Y79" s="14"/>
      <c r="Z79" s="14"/>
      <c r="AA79" s="14"/>
      <c r="AB79" s="14"/>
    </row>
    <row r="80" spans="1:28" ht="29.1" customHeight="1">
      <c r="A80" s="14"/>
      <c r="B80" s="14"/>
      <c r="C80" s="14"/>
      <c r="D80" s="14"/>
      <c r="E80" s="14"/>
      <c r="F80" s="14"/>
      <c r="G80" s="14"/>
      <c r="H80" s="14"/>
      <c r="I80" s="14"/>
      <c r="J80" s="14"/>
      <c r="K80" s="14"/>
      <c r="L80" s="14"/>
      <c r="M80" s="14"/>
      <c r="N80" s="14"/>
      <c r="O80" s="14"/>
      <c r="P80" s="14"/>
      <c r="Q80" s="14"/>
      <c r="R80" s="14"/>
      <c r="S80" s="14"/>
      <c r="T80" s="14"/>
      <c r="U80" s="14"/>
      <c r="V80" s="14"/>
      <c r="W80" s="14"/>
      <c r="X80" s="14"/>
      <c r="Y80" s="14"/>
      <c r="Z80" s="14"/>
      <c r="AA80" s="14"/>
      <c r="AB80" s="14"/>
    </row>
    <row r="81" spans="1:28" ht="29.1" customHeight="1">
      <c r="A81" s="14"/>
      <c r="B81" s="14"/>
      <c r="C81" s="14"/>
      <c r="D81" s="14"/>
      <c r="E81" s="14"/>
      <c r="F81" s="14"/>
      <c r="G81" s="14"/>
      <c r="H81" s="14"/>
      <c r="I81" s="14"/>
      <c r="J81" s="14"/>
      <c r="K81" s="14"/>
      <c r="L81" s="14"/>
      <c r="M81" s="14"/>
      <c r="N81" s="14"/>
      <c r="O81" s="14"/>
      <c r="P81" s="14"/>
      <c r="Q81" s="14"/>
      <c r="R81" s="14"/>
      <c r="S81" s="14"/>
      <c r="T81" s="14"/>
      <c r="U81" s="14"/>
      <c r="V81" s="14"/>
      <c r="W81" s="14"/>
      <c r="X81" s="14"/>
      <c r="Y81" s="14"/>
      <c r="Z81" s="14"/>
      <c r="AA81" s="14"/>
      <c r="AB81" s="14"/>
    </row>
    <row r="82" spans="1:28" ht="29.1" customHeight="1">
      <c r="A82" s="14"/>
      <c r="B82" s="14"/>
      <c r="C82" s="14"/>
      <c r="D82" s="14"/>
      <c r="E82" s="14"/>
      <c r="F82" s="14"/>
      <c r="G82" s="14"/>
      <c r="H82" s="14"/>
      <c r="I82" s="14"/>
      <c r="J82" s="14"/>
      <c r="K82" s="14"/>
      <c r="L82" s="14"/>
      <c r="M82" s="14"/>
      <c r="N82" s="14"/>
      <c r="O82" s="14"/>
      <c r="P82" s="14"/>
      <c r="Q82" s="14"/>
      <c r="R82" s="14"/>
      <c r="S82" s="14"/>
      <c r="T82" s="14"/>
      <c r="U82" s="14"/>
      <c r="V82" s="14"/>
      <c r="W82" s="14"/>
      <c r="X82" s="14"/>
      <c r="Y82" s="14"/>
      <c r="Z82" s="14"/>
      <c r="AA82" s="14"/>
      <c r="AB82" s="14"/>
    </row>
    <row r="83" spans="1:28" ht="29.1" customHeight="1">
      <c r="A83" s="14"/>
      <c r="B83" s="14"/>
      <c r="C83" s="14"/>
      <c r="D83" s="14"/>
      <c r="E83" s="14"/>
      <c r="F83" s="14"/>
      <c r="G83" s="14"/>
      <c r="H83" s="14"/>
      <c r="I83" s="14"/>
      <c r="J83" s="14"/>
      <c r="K83" s="14"/>
      <c r="L83" s="14"/>
      <c r="M83" s="14"/>
      <c r="N83" s="14"/>
      <c r="O83" s="14"/>
      <c r="P83" s="14"/>
      <c r="Q83" s="14"/>
      <c r="R83" s="14"/>
      <c r="S83" s="14"/>
      <c r="T83" s="14"/>
      <c r="U83" s="14"/>
      <c r="V83" s="14"/>
      <c r="W83" s="14"/>
      <c r="X83" s="14"/>
      <c r="Y83" s="14"/>
      <c r="Z83" s="14"/>
      <c r="AA83" s="14"/>
      <c r="AB83" s="14"/>
    </row>
    <row r="84" spans="1:28" ht="29.1" customHeight="1">
      <c r="A84" s="14"/>
      <c r="B84" s="14"/>
      <c r="C84" s="14"/>
      <c r="D84" s="14"/>
      <c r="E84" s="14"/>
      <c r="F84" s="14"/>
      <c r="G84" s="14"/>
      <c r="H84" s="14"/>
      <c r="I84" s="14"/>
      <c r="J84" s="14"/>
      <c r="K84" s="14"/>
      <c r="L84" s="14"/>
      <c r="M84" s="14"/>
      <c r="N84" s="14"/>
      <c r="O84" s="14"/>
      <c r="P84" s="14"/>
      <c r="Q84" s="14"/>
      <c r="R84" s="14"/>
      <c r="S84" s="14"/>
      <c r="T84" s="14"/>
      <c r="U84" s="14"/>
      <c r="V84" s="14"/>
      <c r="W84" s="14"/>
      <c r="X84" s="14"/>
      <c r="Y84" s="14"/>
      <c r="Z84" s="14"/>
      <c r="AA84" s="14"/>
      <c r="AB84" s="14"/>
    </row>
    <row r="85" spans="1:28" ht="29.1" customHeight="1">
      <c r="A85" s="14"/>
      <c r="B85" s="14"/>
      <c r="C85" s="14"/>
      <c r="D85" s="14"/>
      <c r="E85" s="14"/>
      <c r="F85" s="14"/>
      <c r="G85" s="14"/>
      <c r="H85" s="14"/>
      <c r="I85" s="14"/>
      <c r="J85" s="14"/>
      <c r="K85" s="14"/>
      <c r="L85" s="14"/>
      <c r="M85" s="14"/>
      <c r="N85" s="14"/>
      <c r="O85" s="14"/>
      <c r="P85" s="14"/>
      <c r="Q85" s="14"/>
      <c r="R85" s="14"/>
      <c r="S85" s="14"/>
      <c r="T85" s="14"/>
      <c r="U85" s="14"/>
      <c r="V85" s="14"/>
      <c r="W85" s="14"/>
      <c r="X85" s="14"/>
      <c r="Y85" s="14"/>
      <c r="Z85" s="14"/>
      <c r="AA85" s="14"/>
      <c r="AB85" s="14"/>
    </row>
    <row r="86" spans="1:28" ht="29.1" customHeight="1">
      <c r="A86" s="14"/>
      <c r="B86" s="14"/>
      <c r="C86" s="14"/>
      <c r="D86" s="14"/>
      <c r="E86" s="14"/>
      <c r="F86" s="14"/>
      <c r="G86" s="14"/>
      <c r="H86" s="14"/>
      <c r="I86" s="14"/>
      <c r="J86" s="14"/>
      <c r="K86" s="14"/>
      <c r="L86" s="14"/>
      <c r="M86" s="14"/>
      <c r="N86" s="14"/>
      <c r="O86" s="14"/>
      <c r="P86" s="14"/>
      <c r="Q86" s="14"/>
      <c r="R86" s="14"/>
      <c r="S86" s="14"/>
      <c r="T86" s="14"/>
      <c r="U86" s="14"/>
      <c r="V86" s="14"/>
      <c r="W86" s="14"/>
      <c r="X86" s="14"/>
      <c r="Y86" s="14"/>
      <c r="Z86" s="14"/>
      <c r="AA86" s="14"/>
      <c r="AB86" s="14"/>
    </row>
    <row r="87" spans="1:28" ht="29.1" customHeight="1">
      <c r="A87" s="14"/>
      <c r="B87" s="14"/>
      <c r="C87" s="14"/>
      <c r="D87" s="14"/>
      <c r="E87" s="14"/>
      <c r="F87" s="14"/>
      <c r="G87" s="14"/>
      <c r="H87" s="14"/>
      <c r="I87" s="14"/>
      <c r="J87" s="14"/>
      <c r="K87" s="14"/>
      <c r="L87" s="14"/>
      <c r="M87" s="14"/>
      <c r="N87" s="14"/>
      <c r="O87" s="14"/>
      <c r="P87" s="14"/>
      <c r="Q87" s="14"/>
      <c r="R87" s="14"/>
      <c r="S87" s="14"/>
      <c r="T87" s="14"/>
      <c r="U87" s="14"/>
      <c r="V87" s="14"/>
      <c r="W87" s="14"/>
      <c r="X87" s="14"/>
      <c r="Y87" s="14"/>
      <c r="Z87" s="14"/>
      <c r="AA87" s="14"/>
      <c r="AB87" s="14"/>
    </row>
    <row r="88" spans="1:28" ht="29.1" customHeight="1">
      <c r="A88" s="14"/>
      <c r="B88" s="14"/>
      <c r="C88" s="14"/>
      <c r="D88" s="14"/>
      <c r="E88" s="14"/>
      <c r="F88" s="14"/>
      <c r="G88" s="14"/>
      <c r="H88" s="14"/>
      <c r="I88" s="14"/>
      <c r="J88" s="14"/>
      <c r="K88" s="14"/>
      <c r="L88" s="14"/>
      <c r="M88" s="14"/>
      <c r="N88" s="14"/>
      <c r="O88" s="14"/>
      <c r="P88" s="14"/>
      <c r="Q88" s="14"/>
      <c r="R88" s="14"/>
      <c r="S88" s="14"/>
      <c r="T88" s="14"/>
      <c r="U88" s="14"/>
      <c r="V88" s="14"/>
      <c r="W88" s="14"/>
      <c r="X88" s="14"/>
      <c r="Y88" s="14"/>
      <c r="Z88" s="14"/>
      <c r="AA88" s="14"/>
      <c r="AB88" s="14"/>
    </row>
    <row r="89" spans="1:28" ht="29.1" customHeight="1">
      <c r="A89" s="14"/>
      <c r="B89" s="14"/>
      <c r="C89" s="14"/>
      <c r="D89" s="14"/>
      <c r="E89" s="14"/>
      <c r="F89" s="14"/>
      <c r="G89" s="14"/>
      <c r="H89" s="14"/>
      <c r="I89" s="14"/>
      <c r="J89" s="14"/>
      <c r="K89" s="14"/>
      <c r="L89" s="14"/>
      <c r="M89" s="14"/>
      <c r="N89" s="14"/>
      <c r="O89" s="14"/>
      <c r="P89" s="14"/>
      <c r="Q89" s="14"/>
      <c r="R89" s="14"/>
      <c r="S89" s="14"/>
      <c r="T89" s="14"/>
      <c r="U89" s="14"/>
      <c r="V89" s="14"/>
      <c r="W89" s="14"/>
      <c r="X89" s="14"/>
      <c r="Y89" s="14"/>
      <c r="Z89" s="14"/>
      <c r="AA89" s="14"/>
      <c r="AB89" s="14"/>
    </row>
    <row r="90" spans="1:28" ht="29.1" customHeight="1">
      <c r="A90" s="14"/>
      <c r="B90" s="14"/>
      <c r="C90" s="14"/>
      <c r="D90" s="14"/>
      <c r="E90" s="14"/>
      <c r="F90" s="14"/>
      <c r="G90" s="14"/>
      <c r="H90" s="14"/>
      <c r="I90" s="14"/>
      <c r="J90" s="14"/>
      <c r="K90" s="14"/>
      <c r="L90" s="14"/>
      <c r="M90" s="14"/>
      <c r="N90" s="14"/>
      <c r="O90" s="14"/>
      <c r="P90" s="14"/>
      <c r="Q90" s="14"/>
      <c r="R90" s="14"/>
      <c r="S90" s="14"/>
      <c r="T90" s="14"/>
      <c r="U90" s="14"/>
      <c r="V90" s="14"/>
      <c r="W90" s="14"/>
      <c r="X90" s="14"/>
      <c r="Y90" s="14"/>
      <c r="Z90" s="14"/>
      <c r="AA90" s="14"/>
      <c r="AB90" s="14"/>
    </row>
    <row r="91" spans="1:28" ht="29.1" customHeight="1">
      <c r="A91" s="14"/>
      <c r="B91" s="14"/>
      <c r="C91" s="14"/>
      <c r="D91" s="14"/>
      <c r="E91" s="14"/>
      <c r="F91" s="14"/>
      <c r="G91" s="14"/>
      <c r="H91" s="14"/>
      <c r="I91" s="14"/>
      <c r="J91" s="14"/>
      <c r="K91" s="14"/>
      <c r="L91" s="14"/>
      <c r="M91" s="14"/>
      <c r="N91" s="14"/>
      <c r="O91" s="14"/>
      <c r="P91" s="14"/>
      <c r="Q91" s="14"/>
      <c r="R91" s="14"/>
      <c r="S91" s="14"/>
      <c r="T91" s="14"/>
      <c r="U91" s="14"/>
      <c r="V91" s="14"/>
      <c r="W91" s="14"/>
      <c r="X91" s="14"/>
      <c r="Y91" s="14"/>
      <c r="Z91" s="14"/>
      <c r="AA91" s="14"/>
      <c r="AB91" s="14"/>
    </row>
    <row r="92" spans="1:28" ht="29.1" customHeight="1">
      <c r="A92" s="14"/>
      <c r="B92" s="14"/>
      <c r="C92" s="14"/>
      <c r="D92" s="14"/>
      <c r="E92" s="14"/>
      <c r="F92" s="14"/>
      <c r="G92" s="14"/>
      <c r="H92" s="14"/>
      <c r="I92" s="14"/>
      <c r="J92" s="14"/>
      <c r="K92" s="14"/>
      <c r="L92" s="14"/>
      <c r="M92" s="14"/>
      <c r="N92" s="14"/>
      <c r="O92" s="14"/>
      <c r="P92" s="14"/>
      <c r="Q92" s="14"/>
      <c r="R92" s="14"/>
      <c r="S92" s="14"/>
      <c r="T92" s="14"/>
      <c r="U92" s="14"/>
      <c r="V92" s="14"/>
      <c r="W92" s="14"/>
      <c r="X92" s="14"/>
      <c r="Y92" s="14"/>
      <c r="Z92" s="14"/>
      <c r="AA92" s="14"/>
      <c r="AB92" s="14"/>
    </row>
    <row r="93" spans="1:28" ht="29.1" customHeight="1">
      <c r="A93" s="14"/>
      <c r="B93" s="14"/>
      <c r="C93" s="14"/>
      <c r="D93" s="14"/>
      <c r="E93" s="14"/>
      <c r="F93" s="14"/>
      <c r="G93" s="14"/>
      <c r="H93" s="14"/>
      <c r="I93" s="14"/>
      <c r="J93" s="14"/>
      <c r="K93" s="14"/>
      <c r="L93" s="14"/>
      <c r="M93" s="14"/>
      <c r="N93" s="14"/>
      <c r="O93" s="14"/>
      <c r="P93" s="14"/>
      <c r="Q93" s="14"/>
      <c r="R93" s="14"/>
      <c r="S93" s="14"/>
      <c r="T93" s="14"/>
      <c r="U93" s="14"/>
      <c r="V93" s="14"/>
      <c r="W93" s="14"/>
      <c r="X93" s="14"/>
      <c r="Y93" s="14"/>
      <c r="Z93" s="14"/>
      <c r="AA93" s="14"/>
      <c r="AB93" s="14"/>
    </row>
    <row r="94" spans="1:28" ht="29.1" customHeight="1">
      <c r="A94" s="14"/>
      <c r="B94" s="14"/>
      <c r="C94" s="14"/>
      <c r="D94" s="14"/>
      <c r="E94" s="14"/>
      <c r="F94" s="14"/>
      <c r="G94" s="14"/>
      <c r="H94" s="14"/>
      <c r="I94" s="14"/>
      <c r="J94" s="14"/>
      <c r="K94" s="14"/>
      <c r="L94" s="14"/>
      <c r="M94" s="14"/>
      <c r="N94" s="14"/>
      <c r="O94" s="14"/>
      <c r="P94" s="14"/>
      <c r="Q94" s="14"/>
      <c r="R94" s="14"/>
      <c r="S94" s="14"/>
      <c r="T94" s="14"/>
      <c r="U94" s="14"/>
      <c r="V94" s="14"/>
      <c r="W94" s="14"/>
      <c r="X94" s="14"/>
      <c r="Y94" s="14"/>
      <c r="Z94" s="14"/>
      <c r="AA94" s="14"/>
      <c r="AB94" s="14"/>
    </row>
    <row r="95" spans="1:28" ht="29.1" customHeight="1">
      <c r="A95" s="14"/>
      <c r="B95" s="14"/>
      <c r="C95" s="14"/>
      <c r="D95" s="14"/>
      <c r="E95" s="14"/>
      <c r="F95" s="14"/>
      <c r="G95" s="14"/>
      <c r="H95" s="14"/>
      <c r="I95" s="14"/>
      <c r="J95" s="14"/>
      <c r="K95" s="14"/>
      <c r="L95" s="14"/>
      <c r="M95" s="14"/>
      <c r="N95" s="14"/>
      <c r="O95" s="14"/>
      <c r="P95" s="14"/>
      <c r="Q95" s="14"/>
      <c r="R95" s="14"/>
      <c r="S95" s="14"/>
      <c r="T95" s="14"/>
      <c r="U95" s="14"/>
      <c r="V95" s="14"/>
      <c r="W95" s="14"/>
      <c r="X95" s="14"/>
      <c r="Y95" s="14"/>
      <c r="Z95" s="14"/>
      <c r="AA95" s="14"/>
      <c r="AB95" s="14"/>
    </row>
    <row r="96" spans="1:28" ht="29.1" customHeight="1">
      <c r="A96" s="14"/>
      <c r="B96" s="14"/>
      <c r="C96" s="14"/>
      <c r="D96" s="14"/>
      <c r="E96" s="14"/>
      <c r="F96" s="14"/>
      <c r="G96" s="14"/>
      <c r="H96" s="14"/>
      <c r="I96" s="14"/>
      <c r="J96" s="14"/>
      <c r="K96" s="14"/>
      <c r="L96" s="14"/>
      <c r="M96" s="14"/>
      <c r="N96" s="14"/>
      <c r="O96" s="14"/>
      <c r="P96" s="14"/>
      <c r="Q96" s="14"/>
      <c r="R96" s="14"/>
      <c r="S96" s="14"/>
      <c r="T96" s="14"/>
      <c r="U96" s="14"/>
      <c r="V96" s="14"/>
      <c r="W96" s="14"/>
      <c r="X96" s="14"/>
      <c r="Y96" s="14"/>
      <c r="Z96" s="14"/>
      <c r="AA96" s="14"/>
      <c r="AB96" s="14"/>
    </row>
    <row r="97" spans="1:28" ht="29.1" customHeight="1">
      <c r="A97" s="14"/>
      <c r="B97" s="14"/>
      <c r="C97" s="14"/>
      <c r="D97" s="14"/>
      <c r="E97" s="14"/>
      <c r="F97" s="14"/>
      <c r="G97" s="14"/>
      <c r="H97" s="14"/>
      <c r="I97" s="14"/>
      <c r="J97" s="14"/>
      <c r="K97" s="14"/>
      <c r="L97" s="14"/>
      <c r="M97" s="14"/>
      <c r="N97" s="14"/>
      <c r="O97" s="14"/>
      <c r="P97" s="14"/>
      <c r="Q97" s="14"/>
      <c r="R97" s="14"/>
      <c r="S97" s="14"/>
      <c r="T97" s="14"/>
      <c r="U97" s="14"/>
      <c r="V97" s="14"/>
      <c r="W97" s="14"/>
      <c r="X97" s="14"/>
      <c r="Y97" s="14"/>
      <c r="Z97" s="14"/>
      <c r="AA97" s="14"/>
      <c r="AB97" s="14"/>
    </row>
    <row r="98" spans="1:28" ht="29.1" customHeight="1">
      <c r="A98" s="14"/>
      <c r="B98" s="14"/>
      <c r="C98" s="14"/>
      <c r="D98" s="14"/>
      <c r="E98" s="14"/>
      <c r="F98" s="14"/>
      <c r="G98" s="14"/>
      <c r="H98" s="14"/>
      <c r="I98" s="14"/>
      <c r="J98" s="14"/>
      <c r="K98" s="14"/>
      <c r="L98" s="14"/>
      <c r="M98" s="14"/>
      <c r="N98" s="14"/>
      <c r="O98" s="14"/>
      <c r="P98" s="14"/>
      <c r="Q98" s="14"/>
      <c r="R98" s="14"/>
      <c r="S98" s="14"/>
      <c r="T98" s="14"/>
      <c r="U98" s="14"/>
      <c r="V98" s="14"/>
      <c r="W98" s="14"/>
      <c r="X98" s="14"/>
      <c r="Y98" s="14"/>
      <c r="Z98" s="14"/>
      <c r="AA98" s="14"/>
      <c r="AB98" s="14"/>
    </row>
    <row r="99" spans="1:28" ht="29.1" customHeight="1">
      <c r="A99" s="14"/>
      <c r="B99" s="14"/>
      <c r="C99" s="14"/>
      <c r="D99" s="14"/>
      <c r="E99" s="14"/>
      <c r="F99" s="14"/>
      <c r="G99" s="14"/>
      <c r="H99" s="14"/>
      <c r="I99" s="14"/>
      <c r="J99" s="14"/>
      <c r="K99" s="14"/>
      <c r="L99" s="14"/>
      <c r="M99" s="14"/>
      <c r="N99" s="14"/>
      <c r="O99" s="14"/>
      <c r="P99" s="14"/>
      <c r="Q99" s="14"/>
      <c r="R99" s="14"/>
      <c r="S99" s="14"/>
      <c r="T99" s="14"/>
      <c r="U99" s="14"/>
      <c r="V99" s="14"/>
      <c r="W99" s="14"/>
      <c r="X99" s="14"/>
      <c r="Y99" s="14"/>
      <c r="Z99" s="14"/>
      <c r="AA99" s="14"/>
      <c r="AB99" s="14"/>
    </row>
    <row r="100" spans="1:28" ht="29.1" customHeight="1">
      <c r="A100" s="14"/>
      <c r="B100" s="14"/>
      <c r="C100" s="14"/>
      <c r="D100" s="14"/>
      <c r="E100" s="14"/>
      <c r="F100" s="14"/>
      <c r="G100" s="14"/>
      <c r="H100" s="14"/>
      <c r="I100" s="14"/>
      <c r="J100" s="14"/>
      <c r="K100" s="14"/>
      <c r="L100" s="14"/>
      <c r="M100" s="14"/>
      <c r="N100" s="14"/>
      <c r="O100" s="14"/>
      <c r="P100" s="14"/>
      <c r="Q100" s="14"/>
      <c r="R100" s="14"/>
      <c r="S100" s="14"/>
      <c r="T100" s="14"/>
      <c r="U100" s="14"/>
      <c r="V100" s="14"/>
      <c r="W100" s="14"/>
      <c r="X100" s="14"/>
      <c r="Y100" s="14"/>
      <c r="Z100" s="14"/>
      <c r="AA100" s="14"/>
      <c r="AB100" s="14"/>
    </row>
    <row r="101" spans="1:28" ht="29.1" customHeight="1">
      <c r="A101" s="14"/>
      <c r="B101" s="14"/>
      <c r="C101" s="14"/>
      <c r="D101" s="14"/>
      <c r="E101" s="14"/>
      <c r="F101" s="14"/>
      <c r="G101" s="14"/>
      <c r="H101" s="14"/>
      <c r="I101" s="14"/>
      <c r="J101" s="14"/>
      <c r="K101" s="14"/>
      <c r="L101" s="14"/>
      <c r="M101" s="14"/>
      <c r="N101" s="14"/>
      <c r="O101" s="14"/>
      <c r="P101" s="14"/>
      <c r="Q101" s="14"/>
      <c r="R101" s="14"/>
      <c r="S101" s="14"/>
      <c r="T101" s="14"/>
      <c r="U101" s="14"/>
      <c r="V101" s="14"/>
      <c r="W101" s="14"/>
      <c r="X101" s="14"/>
      <c r="Y101" s="14"/>
      <c r="Z101" s="14"/>
      <c r="AA101" s="14"/>
      <c r="AB101" s="14"/>
    </row>
    <row r="102" spans="1:28" ht="29.1" customHeight="1">
      <c r="A102" s="14"/>
      <c r="B102" s="14"/>
      <c r="C102" s="14"/>
      <c r="D102" s="14"/>
      <c r="E102" s="14"/>
      <c r="F102" s="14"/>
      <c r="G102" s="14"/>
      <c r="H102" s="14"/>
      <c r="I102" s="14"/>
      <c r="J102" s="14"/>
      <c r="K102" s="14"/>
      <c r="L102" s="14"/>
      <c r="M102" s="14"/>
      <c r="N102" s="14"/>
      <c r="O102" s="14"/>
      <c r="P102" s="14"/>
      <c r="Q102" s="14"/>
      <c r="R102" s="14"/>
      <c r="S102" s="14"/>
      <c r="T102" s="14"/>
      <c r="U102" s="14"/>
      <c r="V102" s="14"/>
      <c r="W102" s="14"/>
      <c r="X102" s="14"/>
      <c r="Y102" s="14"/>
      <c r="Z102" s="14"/>
      <c r="AA102" s="14"/>
      <c r="AB102" s="14"/>
    </row>
    <row r="103" spans="1:28" ht="29.1" customHeight="1">
      <c r="A103" s="14"/>
      <c r="B103" s="14"/>
      <c r="C103" s="14"/>
      <c r="D103" s="14"/>
      <c r="E103" s="14"/>
      <c r="F103" s="14"/>
      <c r="G103" s="14"/>
      <c r="H103" s="14"/>
      <c r="I103" s="14"/>
      <c r="J103" s="14"/>
      <c r="K103" s="14"/>
      <c r="L103" s="14"/>
      <c r="M103" s="14"/>
      <c r="N103" s="14"/>
      <c r="O103" s="14"/>
      <c r="P103" s="14"/>
      <c r="Q103" s="14"/>
      <c r="R103" s="14"/>
      <c r="S103" s="14"/>
      <c r="T103" s="14"/>
      <c r="U103" s="14"/>
      <c r="V103" s="14"/>
      <c r="W103" s="14"/>
      <c r="X103" s="14"/>
      <c r="Y103" s="14"/>
      <c r="Z103" s="14"/>
      <c r="AA103" s="14"/>
      <c r="AB103" s="14"/>
    </row>
    <row r="104" spans="1:28" ht="29.1" customHeight="1">
      <c r="A104" s="14"/>
      <c r="B104" s="14"/>
      <c r="C104" s="14"/>
      <c r="D104" s="14"/>
      <c r="E104" s="14"/>
      <c r="F104" s="14"/>
      <c r="G104" s="14"/>
      <c r="H104" s="14"/>
      <c r="I104" s="14"/>
      <c r="J104" s="14"/>
      <c r="K104" s="14"/>
      <c r="L104" s="14"/>
      <c r="M104" s="14"/>
      <c r="N104" s="14"/>
      <c r="O104" s="14"/>
      <c r="P104" s="14"/>
      <c r="Q104" s="14"/>
      <c r="R104" s="14"/>
      <c r="S104" s="14"/>
      <c r="T104" s="14"/>
      <c r="U104" s="14"/>
      <c r="V104" s="14"/>
      <c r="W104" s="14"/>
      <c r="X104" s="14"/>
      <c r="Y104" s="14"/>
      <c r="Z104" s="14"/>
      <c r="AA104" s="14"/>
      <c r="AB104" s="14"/>
    </row>
    <row r="105" spans="1:28" ht="29.1" customHeight="1">
      <c r="A105" s="14"/>
      <c r="B105" s="14"/>
      <c r="C105" s="14"/>
      <c r="D105" s="14"/>
      <c r="E105" s="14"/>
      <c r="F105" s="14"/>
      <c r="G105" s="14"/>
      <c r="H105" s="14"/>
      <c r="I105" s="14"/>
      <c r="J105" s="14"/>
      <c r="K105" s="14"/>
      <c r="L105" s="14"/>
      <c r="M105" s="14"/>
      <c r="N105" s="14"/>
      <c r="O105" s="14"/>
      <c r="P105" s="14"/>
      <c r="Q105" s="14"/>
      <c r="R105" s="14"/>
      <c r="S105" s="14"/>
      <c r="T105" s="14"/>
      <c r="U105" s="14"/>
      <c r="V105" s="14"/>
      <c r="W105" s="14"/>
      <c r="X105" s="14"/>
      <c r="Y105" s="14"/>
      <c r="Z105" s="14"/>
      <c r="AA105" s="14"/>
      <c r="AB105" s="14"/>
    </row>
    <row r="106" spans="1:28" ht="29.1" customHeight="1">
      <c r="A106" s="14"/>
      <c r="B106" s="14"/>
      <c r="C106" s="14"/>
      <c r="D106" s="14"/>
      <c r="E106" s="14"/>
      <c r="F106" s="14"/>
      <c r="G106" s="14"/>
      <c r="H106" s="14"/>
      <c r="I106" s="14"/>
      <c r="J106" s="14"/>
      <c r="K106" s="14"/>
      <c r="L106" s="14"/>
      <c r="M106" s="14"/>
      <c r="N106" s="14"/>
      <c r="O106" s="14"/>
      <c r="P106" s="14"/>
      <c r="Q106" s="14"/>
      <c r="R106" s="14"/>
      <c r="S106" s="14"/>
      <c r="T106" s="14"/>
      <c r="U106" s="14"/>
      <c r="V106" s="14"/>
      <c r="W106" s="14"/>
      <c r="X106" s="14"/>
      <c r="Y106" s="14"/>
      <c r="Z106" s="14"/>
      <c r="AA106" s="14"/>
      <c r="AB106" s="14"/>
    </row>
    <row r="107" spans="1:28" ht="29.1" customHeight="1">
      <c r="A107" s="14"/>
      <c r="B107" s="14"/>
      <c r="C107" s="14"/>
      <c r="D107" s="14"/>
      <c r="E107" s="14"/>
      <c r="F107" s="14"/>
      <c r="G107" s="14"/>
      <c r="H107" s="14"/>
      <c r="I107" s="14"/>
      <c r="J107" s="14"/>
      <c r="K107" s="14"/>
      <c r="L107" s="14"/>
      <c r="M107" s="14"/>
      <c r="N107" s="14"/>
      <c r="O107" s="14"/>
      <c r="P107" s="14"/>
      <c r="Q107" s="14"/>
      <c r="R107" s="14"/>
      <c r="S107" s="14"/>
      <c r="T107" s="14"/>
      <c r="U107" s="14"/>
      <c r="V107" s="14"/>
      <c r="W107" s="14"/>
      <c r="X107" s="14"/>
      <c r="Y107" s="14"/>
      <c r="Z107" s="14"/>
      <c r="AA107" s="14"/>
      <c r="AB107" s="14"/>
    </row>
    <row r="108" spans="1:28" ht="29.1" customHeight="1">
      <c r="A108" s="14"/>
      <c r="B108" s="14"/>
      <c r="C108" s="14"/>
      <c r="D108" s="14"/>
      <c r="E108" s="14"/>
      <c r="F108" s="14"/>
      <c r="G108" s="14"/>
      <c r="H108" s="14"/>
      <c r="I108" s="14"/>
      <c r="J108" s="14"/>
      <c r="K108" s="14"/>
      <c r="L108" s="14"/>
      <c r="M108" s="14"/>
      <c r="N108" s="14"/>
      <c r="O108" s="14"/>
      <c r="P108" s="14"/>
      <c r="Q108" s="14"/>
      <c r="R108" s="14"/>
      <c r="S108" s="14"/>
      <c r="T108" s="14"/>
      <c r="U108" s="14"/>
      <c r="V108" s="14"/>
      <c r="W108" s="14"/>
      <c r="X108" s="14"/>
      <c r="Y108" s="14"/>
      <c r="Z108" s="14"/>
      <c r="AA108" s="14"/>
      <c r="AB108" s="14"/>
    </row>
    <row r="109" spans="1:28" ht="29.1" customHeight="1">
      <c r="A109" s="14"/>
      <c r="B109" s="14"/>
      <c r="C109" s="14"/>
      <c r="D109" s="14"/>
      <c r="E109" s="14"/>
      <c r="F109" s="14"/>
      <c r="G109" s="14"/>
      <c r="H109" s="14"/>
      <c r="I109" s="14"/>
      <c r="J109" s="14"/>
      <c r="K109" s="14"/>
      <c r="L109" s="14"/>
      <c r="M109" s="14"/>
      <c r="N109" s="14"/>
      <c r="O109" s="14"/>
      <c r="P109" s="14"/>
      <c r="Q109" s="14"/>
      <c r="R109" s="14"/>
      <c r="S109" s="14"/>
      <c r="T109" s="14"/>
      <c r="U109" s="14"/>
      <c r="V109" s="14"/>
      <c r="W109" s="14"/>
      <c r="X109" s="14"/>
      <c r="Y109" s="14"/>
      <c r="Z109" s="14"/>
      <c r="AA109" s="14"/>
      <c r="AB109" s="14"/>
    </row>
    <row r="110" spans="1:28" ht="29.1" customHeight="1">
      <c r="A110" s="14"/>
      <c r="B110" s="14"/>
      <c r="C110" s="14"/>
      <c r="D110" s="14"/>
      <c r="E110" s="14"/>
      <c r="F110" s="14"/>
      <c r="G110" s="14"/>
      <c r="H110" s="14"/>
      <c r="I110" s="14"/>
      <c r="J110" s="14"/>
      <c r="K110" s="14"/>
      <c r="L110" s="14"/>
      <c r="M110" s="14"/>
      <c r="N110" s="14"/>
      <c r="O110" s="14"/>
      <c r="P110" s="14"/>
      <c r="Q110" s="14"/>
      <c r="R110" s="14"/>
      <c r="S110" s="14"/>
      <c r="T110" s="14"/>
      <c r="U110" s="14"/>
      <c r="V110" s="14"/>
      <c r="W110" s="14"/>
      <c r="X110" s="14"/>
      <c r="Y110" s="14"/>
      <c r="Z110" s="14"/>
      <c r="AA110" s="14"/>
      <c r="AB110" s="14"/>
    </row>
    <row r="111" spans="1:28" ht="29.1" customHeight="1">
      <c r="A111" s="14"/>
      <c r="B111" s="14"/>
      <c r="C111" s="14"/>
      <c r="D111" s="14"/>
      <c r="E111" s="14"/>
      <c r="F111" s="14"/>
      <c r="G111" s="14"/>
      <c r="H111" s="14"/>
      <c r="I111" s="14"/>
      <c r="J111" s="14"/>
      <c r="K111" s="14"/>
      <c r="L111" s="14"/>
      <c r="M111" s="14"/>
      <c r="N111" s="14"/>
      <c r="O111" s="14"/>
      <c r="P111" s="14"/>
      <c r="Q111" s="14"/>
      <c r="R111" s="14"/>
      <c r="S111" s="14"/>
      <c r="T111" s="14"/>
      <c r="U111" s="14"/>
      <c r="V111" s="14"/>
      <c r="W111" s="14"/>
      <c r="X111" s="14"/>
      <c r="Y111" s="14"/>
      <c r="Z111" s="14"/>
      <c r="AA111" s="14"/>
      <c r="AB111" s="14"/>
    </row>
    <row r="112" spans="1:28" ht="29.1" customHeight="1">
      <c r="A112" s="14"/>
      <c r="B112" s="14"/>
      <c r="C112" s="14"/>
      <c r="D112" s="14"/>
      <c r="E112" s="14"/>
      <c r="F112" s="14"/>
      <c r="G112" s="14"/>
      <c r="H112" s="14"/>
      <c r="I112" s="14"/>
      <c r="J112" s="14"/>
      <c r="K112" s="14"/>
      <c r="L112" s="14"/>
      <c r="M112" s="14"/>
      <c r="N112" s="14"/>
      <c r="O112" s="14"/>
      <c r="P112" s="14"/>
      <c r="Q112" s="14"/>
      <c r="R112" s="14"/>
      <c r="S112" s="14"/>
      <c r="T112" s="14"/>
      <c r="U112" s="14"/>
      <c r="V112" s="14"/>
      <c r="W112" s="14"/>
      <c r="X112" s="14"/>
      <c r="Y112" s="14"/>
      <c r="Z112" s="14"/>
      <c r="AA112" s="14"/>
      <c r="AB112" s="14"/>
    </row>
    <row r="113" spans="1:28" ht="29.1" customHeight="1">
      <c r="A113" s="14"/>
      <c r="B113" s="14"/>
      <c r="C113" s="14"/>
      <c r="D113" s="14"/>
      <c r="E113" s="14"/>
      <c r="F113" s="14"/>
      <c r="G113" s="14"/>
      <c r="H113" s="14"/>
      <c r="I113" s="14"/>
      <c r="J113" s="14"/>
      <c r="K113" s="14"/>
      <c r="L113" s="14"/>
      <c r="M113" s="14"/>
      <c r="N113" s="14"/>
      <c r="O113" s="14"/>
      <c r="P113" s="14"/>
      <c r="Q113" s="14"/>
      <c r="R113" s="14"/>
      <c r="S113" s="14"/>
      <c r="T113" s="14"/>
      <c r="U113" s="14"/>
      <c r="V113" s="14"/>
      <c r="W113" s="14"/>
      <c r="X113" s="14"/>
      <c r="Y113" s="14"/>
      <c r="Z113" s="14"/>
      <c r="AA113" s="14"/>
      <c r="AB113" s="14"/>
    </row>
    <row r="114" spans="1:28" ht="29.1" customHeight="1">
      <c r="A114" s="14"/>
      <c r="B114" s="14"/>
      <c r="C114" s="14"/>
      <c r="D114" s="14"/>
      <c r="E114" s="14"/>
      <c r="F114" s="14"/>
      <c r="G114" s="14"/>
      <c r="H114" s="14"/>
      <c r="I114" s="14"/>
      <c r="J114" s="14"/>
      <c r="K114" s="14"/>
      <c r="L114" s="14"/>
      <c r="M114" s="14"/>
      <c r="N114" s="14"/>
      <c r="O114" s="14"/>
      <c r="P114" s="14"/>
      <c r="Q114" s="14"/>
      <c r="R114" s="14"/>
      <c r="S114" s="14"/>
      <c r="T114" s="14"/>
      <c r="U114" s="14"/>
      <c r="V114" s="14"/>
      <c r="W114" s="14"/>
      <c r="X114" s="14"/>
      <c r="Y114" s="14"/>
      <c r="Z114" s="14"/>
      <c r="AA114" s="14"/>
      <c r="AB114" s="14"/>
    </row>
    <row r="115" spans="1:28" ht="29.1" customHeight="1">
      <c r="A115" s="14"/>
      <c r="B115" s="14"/>
      <c r="C115" s="14"/>
      <c r="D115" s="14"/>
      <c r="E115" s="14"/>
      <c r="F115" s="14"/>
      <c r="G115" s="14"/>
      <c r="H115" s="14"/>
      <c r="I115" s="14"/>
      <c r="J115" s="14"/>
      <c r="K115" s="14"/>
      <c r="L115" s="14"/>
      <c r="M115" s="14"/>
      <c r="N115" s="14"/>
      <c r="O115" s="14"/>
      <c r="P115" s="14"/>
      <c r="Q115" s="14"/>
      <c r="R115" s="14"/>
      <c r="S115" s="14"/>
      <c r="T115" s="14"/>
      <c r="U115" s="14"/>
      <c r="V115" s="14"/>
      <c r="W115" s="14"/>
      <c r="X115" s="14"/>
      <c r="Y115" s="14"/>
      <c r="Z115" s="14"/>
      <c r="AA115" s="14"/>
      <c r="AB115" s="14"/>
    </row>
    <row r="116" spans="1:28" ht="29.1" customHeight="1">
      <c r="A116" s="14"/>
      <c r="B116" s="14"/>
      <c r="C116" s="14"/>
      <c r="D116" s="14"/>
      <c r="E116" s="14"/>
      <c r="F116" s="14"/>
      <c r="G116" s="14"/>
      <c r="H116" s="14"/>
      <c r="I116" s="14"/>
      <c r="J116" s="14"/>
      <c r="K116" s="14"/>
      <c r="L116" s="14"/>
      <c r="M116" s="14"/>
      <c r="N116" s="14"/>
      <c r="O116" s="14"/>
      <c r="P116" s="14"/>
      <c r="Q116" s="14"/>
      <c r="R116" s="14"/>
      <c r="S116" s="14"/>
      <c r="T116" s="14"/>
      <c r="U116" s="14"/>
      <c r="V116" s="14"/>
      <c r="W116" s="14"/>
      <c r="X116" s="14"/>
      <c r="Y116" s="14"/>
      <c r="Z116" s="14"/>
      <c r="AA116" s="14"/>
      <c r="AB116" s="14"/>
    </row>
    <row r="117" spans="1:28" ht="29.1" customHeight="1">
      <c r="A117" s="14"/>
      <c r="B117" s="14"/>
      <c r="C117" s="14"/>
      <c r="D117" s="14"/>
      <c r="E117" s="14"/>
      <c r="F117" s="14"/>
      <c r="G117" s="14"/>
      <c r="H117" s="14"/>
      <c r="I117" s="14"/>
      <c r="J117" s="14"/>
      <c r="K117" s="14"/>
      <c r="L117" s="14"/>
      <c r="M117" s="14"/>
      <c r="N117" s="14"/>
      <c r="O117" s="14"/>
      <c r="P117" s="14"/>
      <c r="Q117" s="14"/>
      <c r="R117" s="14"/>
      <c r="S117" s="14"/>
      <c r="T117" s="14"/>
      <c r="U117" s="14"/>
      <c r="V117" s="14"/>
      <c r="W117" s="14"/>
      <c r="X117" s="14"/>
      <c r="Y117" s="14"/>
      <c r="Z117" s="14"/>
      <c r="AA117" s="14"/>
      <c r="AB117" s="14"/>
    </row>
    <row r="118" spans="1:28" ht="29.1" customHeight="1">
      <c r="A118" s="14"/>
      <c r="B118" s="14"/>
      <c r="C118" s="14"/>
      <c r="D118" s="14"/>
      <c r="E118" s="14"/>
      <c r="F118" s="14"/>
      <c r="G118" s="14"/>
      <c r="H118" s="14"/>
      <c r="I118" s="14"/>
      <c r="J118" s="14"/>
      <c r="K118" s="14"/>
      <c r="L118" s="14"/>
      <c r="M118" s="14"/>
      <c r="N118" s="14"/>
      <c r="O118" s="14"/>
      <c r="P118" s="14"/>
      <c r="Q118" s="14"/>
      <c r="R118" s="14"/>
      <c r="S118" s="14"/>
      <c r="T118" s="14"/>
      <c r="U118" s="14"/>
      <c r="V118" s="14"/>
      <c r="W118" s="14"/>
      <c r="X118" s="14"/>
      <c r="Y118" s="14"/>
      <c r="Z118" s="14"/>
      <c r="AA118" s="14"/>
      <c r="AB118" s="14"/>
    </row>
    <row r="119" spans="1:28" ht="29.1" customHeight="1">
      <c r="A119" s="14"/>
      <c r="B119" s="14"/>
      <c r="C119" s="14"/>
      <c r="D119" s="14"/>
      <c r="E119" s="14"/>
      <c r="F119" s="14"/>
      <c r="G119" s="14"/>
      <c r="H119" s="14"/>
      <c r="I119" s="14"/>
      <c r="J119" s="14"/>
      <c r="K119" s="14"/>
      <c r="L119" s="14"/>
      <c r="M119" s="14"/>
      <c r="N119" s="14"/>
      <c r="O119" s="14"/>
      <c r="P119" s="14"/>
      <c r="Q119" s="14"/>
      <c r="R119" s="14"/>
      <c r="S119" s="14"/>
      <c r="T119" s="14"/>
      <c r="U119" s="14"/>
      <c r="V119" s="14"/>
      <c r="W119" s="14"/>
      <c r="X119" s="14"/>
      <c r="Y119" s="14"/>
      <c r="Z119" s="14"/>
      <c r="AA119" s="14"/>
      <c r="AB119" s="14"/>
    </row>
    <row r="120" spans="1:28" ht="29.1" customHeight="1">
      <c r="A120" s="14"/>
      <c r="B120" s="14"/>
      <c r="C120" s="14"/>
      <c r="D120" s="14"/>
      <c r="E120" s="14"/>
      <c r="F120" s="14"/>
      <c r="G120" s="14"/>
      <c r="H120" s="14"/>
      <c r="I120" s="14"/>
      <c r="J120" s="14"/>
      <c r="K120" s="14"/>
      <c r="L120" s="14"/>
      <c r="M120" s="14"/>
      <c r="N120" s="14"/>
      <c r="O120" s="14"/>
      <c r="P120" s="14"/>
      <c r="Q120" s="14"/>
      <c r="R120" s="14"/>
      <c r="S120" s="14"/>
      <c r="T120" s="14"/>
      <c r="U120" s="14"/>
      <c r="V120" s="14"/>
      <c r="W120" s="14"/>
      <c r="X120" s="14"/>
      <c r="Y120" s="14"/>
      <c r="Z120" s="14"/>
      <c r="AA120" s="14"/>
      <c r="AB120" s="14"/>
    </row>
    <row r="121" spans="1:28" ht="29.1" customHeight="1">
      <c r="A121" s="14"/>
      <c r="B121" s="14"/>
      <c r="C121" s="14"/>
      <c r="D121" s="14"/>
      <c r="E121" s="14"/>
      <c r="F121" s="14"/>
      <c r="G121" s="14"/>
      <c r="H121" s="14"/>
      <c r="I121" s="14"/>
      <c r="J121" s="14"/>
      <c r="K121" s="14"/>
      <c r="L121" s="14"/>
      <c r="M121" s="14"/>
      <c r="N121" s="14"/>
      <c r="O121" s="14"/>
      <c r="P121" s="14"/>
      <c r="Q121" s="14"/>
      <c r="R121" s="14"/>
      <c r="S121" s="14"/>
      <c r="T121" s="14"/>
      <c r="U121" s="14"/>
      <c r="V121" s="14"/>
      <c r="W121" s="14"/>
      <c r="X121" s="14"/>
      <c r="Y121" s="14"/>
      <c r="Z121" s="14"/>
      <c r="AA121" s="14"/>
      <c r="AB121" s="14"/>
    </row>
    <row r="122" spans="1:28" ht="29.1" customHeight="1">
      <c r="A122" s="14"/>
      <c r="B122" s="14"/>
      <c r="C122" s="14"/>
      <c r="D122" s="14"/>
      <c r="E122" s="14"/>
      <c r="F122" s="14"/>
      <c r="G122" s="14"/>
      <c r="H122" s="14"/>
      <c r="I122" s="14"/>
      <c r="J122" s="14"/>
      <c r="K122" s="14"/>
      <c r="L122" s="14"/>
      <c r="M122" s="14"/>
      <c r="N122" s="14"/>
      <c r="O122" s="14"/>
      <c r="P122" s="14"/>
      <c r="Q122" s="14"/>
      <c r="R122" s="14"/>
      <c r="S122" s="14"/>
      <c r="T122" s="14"/>
      <c r="U122" s="14"/>
      <c r="V122" s="14"/>
      <c r="W122" s="14"/>
      <c r="X122" s="14"/>
      <c r="Y122" s="14"/>
      <c r="Z122" s="14"/>
      <c r="AA122" s="14"/>
      <c r="AB122" s="14"/>
    </row>
    <row r="123" spans="1:28" ht="29.1" customHeight="1">
      <c r="A123" s="14"/>
      <c r="B123" s="14"/>
      <c r="C123" s="14"/>
      <c r="D123" s="14"/>
      <c r="E123" s="14"/>
      <c r="F123" s="14"/>
      <c r="G123" s="14"/>
      <c r="H123" s="14"/>
      <c r="I123" s="14"/>
      <c r="J123" s="14"/>
      <c r="K123" s="14"/>
      <c r="L123" s="14"/>
      <c r="M123" s="14"/>
      <c r="N123" s="14"/>
      <c r="O123" s="14"/>
      <c r="P123" s="14"/>
      <c r="Q123" s="14"/>
      <c r="R123" s="14"/>
      <c r="S123" s="14"/>
      <c r="T123" s="14"/>
      <c r="U123" s="14"/>
      <c r="V123" s="14"/>
      <c r="W123" s="14"/>
      <c r="X123" s="14"/>
      <c r="Y123" s="14"/>
      <c r="Z123" s="14"/>
      <c r="AA123" s="14"/>
      <c r="AB123" s="14"/>
    </row>
    <row r="124" spans="1:28" ht="29.1" customHeight="1">
      <c r="A124" s="14"/>
      <c r="B124" s="14"/>
      <c r="C124" s="14"/>
      <c r="D124" s="14"/>
      <c r="E124" s="14"/>
      <c r="F124" s="14"/>
      <c r="G124" s="14"/>
      <c r="H124" s="14"/>
      <c r="I124" s="14"/>
      <c r="J124" s="14"/>
      <c r="K124" s="14"/>
      <c r="L124" s="14"/>
      <c r="M124" s="14"/>
      <c r="N124" s="14"/>
      <c r="O124" s="14"/>
      <c r="P124" s="14"/>
      <c r="Q124" s="14"/>
      <c r="R124" s="14"/>
      <c r="S124" s="14"/>
      <c r="T124" s="14"/>
      <c r="U124" s="14"/>
      <c r="V124" s="14"/>
      <c r="W124" s="14"/>
      <c r="X124" s="14"/>
      <c r="Y124" s="14"/>
      <c r="Z124" s="14"/>
      <c r="AA124" s="14"/>
      <c r="AB124" s="14"/>
    </row>
    <row r="125" spans="1:28" ht="29.1" customHeight="1">
      <c r="A125" s="14"/>
      <c r="B125" s="14"/>
      <c r="C125" s="14"/>
      <c r="D125" s="14"/>
      <c r="E125" s="14"/>
      <c r="F125" s="14"/>
      <c r="G125" s="14"/>
      <c r="H125" s="14"/>
      <c r="I125" s="14"/>
      <c r="J125" s="14"/>
      <c r="K125" s="14"/>
      <c r="L125" s="14"/>
      <c r="M125" s="14"/>
      <c r="N125" s="14"/>
      <c r="O125" s="14"/>
      <c r="P125" s="14"/>
      <c r="Q125" s="14"/>
      <c r="R125" s="14"/>
      <c r="S125" s="14"/>
      <c r="T125" s="14"/>
      <c r="U125" s="14"/>
      <c r="V125" s="14"/>
      <c r="W125" s="14"/>
      <c r="X125" s="14"/>
      <c r="Y125" s="14"/>
      <c r="Z125" s="14"/>
      <c r="AA125" s="14"/>
      <c r="AB125" s="14"/>
    </row>
    <row r="126" spans="1:28" ht="29.1" customHeight="1">
      <c r="A126" s="14"/>
      <c r="B126" s="14"/>
      <c r="C126" s="14"/>
      <c r="D126" s="14"/>
      <c r="E126" s="14"/>
      <c r="F126" s="14"/>
      <c r="G126" s="14"/>
      <c r="H126" s="14"/>
      <c r="I126" s="14"/>
      <c r="J126" s="14"/>
      <c r="K126" s="14"/>
      <c r="L126" s="14"/>
      <c r="M126" s="14"/>
      <c r="N126" s="14"/>
      <c r="O126" s="14"/>
      <c r="P126" s="14"/>
      <c r="Q126" s="14"/>
      <c r="R126" s="14"/>
      <c r="S126" s="14"/>
      <c r="T126" s="14"/>
      <c r="U126" s="14"/>
      <c r="V126" s="14"/>
      <c r="W126" s="14"/>
      <c r="X126" s="14"/>
      <c r="Y126" s="14"/>
      <c r="Z126" s="14"/>
      <c r="AA126" s="14"/>
      <c r="AB126" s="14"/>
    </row>
    <row r="127" spans="1:28" ht="29.1" customHeight="1">
      <c r="A127" s="14"/>
      <c r="B127" s="14"/>
      <c r="C127" s="14"/>
      <c r="D127" s="14"/>
      <c r="E127" s="14"/>
      <c r="F127" s="14"/>
      <c r="G127" s="14"/>
      <c r="H127" s="14"/>
      <c r="I127" s="14"/>
      <c r="J127" s="14"/>
      <c r="K127" s="14"/>
      <c r="L127" s="14"/>
      <c r="M127" s="14"/>
      <c r="N127" s="14"/>
      <c r="O127" s="14"/>
      <c r="P127" s="14"/>
      <c r="Q127" s="14"/>
      <c r="R127" s="14"/>
      <c r="S127" s="14"/>
      <c r="T127" s="14"/>
      <c r="U127" s="14"/>
      <c r="V127" s="14"/>
      <c r="W127" s="14"/>
      <c r="X127" s="14"/>
      <c r="Y127" s="14"/>
      <c r="Z127" s="14"/>
      <c r="AA127" s="14"/>
      <c r="AB127" s="14"/>
    </row>
    <row r="128" spans="1:28" ht="29.1" customHeight="1">
      <c r="A128" s="14"/>
      <c r="B128" s="14"/>
      <c r="C128" s="14"/>
      <c r="D128" s="14"/>
      <c r="E128" s="14"/>
      <c r="F128" s="14"/>
      <c r="G128" s="14"/>
      <c r="H128" s="14"/>
      <c r="I128" s="14"/>
      <c r="J128" s="14"/>
      <c r="K128" s="14"/>
      <c r="L128" s="14"/>
      <c r="M128" s="14"/>
      <c r="N128" s="14"/>
      <c r="O128" s="14"/>
      <c r="P128" s="14"/>
      <c r="Q128" s="14"/>
      <c r="R128" s="14"/>
      <c r="S128" s="14"/>
      <c r="T128" s="14"/>
      <c r="U128" s="14"/>
      <c r="V128" s="14"/>
      <c r="W128" s="14"/>
      <c r="X128" s="14"/>
      <c r="Y128" s="14"/>
      <c r="Z128" s="14"/>
      <c r="AA128" s="14"/>
      <c r="AB128" s="14"/>
    </row>
    <row r="129" spans="1:28" ht="29.1" customHeight="1">
      <c r="A129" s="14"/>
      <c r="B129" s="14"/>
      <c r="C129" s="14"/>
      <c r="D129" s="14"/>
      <c r="E129" s="14"/>
      <c r="F129" s="14"/>
      <c r="G129" s="14"/>
      <c r="H129" s="14"/>
      <c r="I129" s="14"/>
      <c r="J129" s="14"/>
      <c r="K129" s="14"/>
      <c r="L129" s="14"/>
      <c r="M129" s="14"/>
      <c r="N129" s="14"/>
      <c r="O129" s="14"/>
      <c r="P129" s="14"/>
      <c r="Q129" s="14"/>
      <c r="R129" s="14"/>
      <c r="S129" s="14"/>
      <c r="T129" s="14"/>
      <c r="U129" s="14"/>
      <c r="V129" s="14"/>
      <c r="W129" s="14"/>
      <c r="X129" s="14"/>
      <c r="Y129" s="14"/>
      <c r="Z129" s="14"/>
      <c r="AA129" s="14"/>
      <c r="AB129" s="14"/>
    </row>
    <row r="130" spans="1:28" ht="29.1" customHeight="1">
      <c r="A130" s="14"/>
      <c r="B130" s="14"/>
      <c r="C130" s="14"/>
      <c r="D130" s="14"/>
      <c r="E130" s="14"/>
      <c r="F130" s="14"/>
      <c r="G130" s="14"/>
      <c r="H130" s="14"/>
      <c r="I130" s="14"/>
      <c r="J130" s="14"/>
      <c r="K130" s="14"/>
      <c r="L130" s="14"/>
      <c r="M130" s="14"/>
      <c r="N130" s="14"/>
      <c r="O130" s="14"/>
      <c r="P130" s="14"/>
      <c r="Q130" s="14"/>
      <c r="R130" s="14"/>
      <c r="S130" s="14"/>
      <c r="T130" s="14"/>
      <c r="U130" s="14"/>
      <c r="V130" s="14"/>
      <c r="W130" s="14"/>
      <c r="X130" s="14"/>
      <c r="Y130" s="14"/>
      <c r="Z130" s="14"/>
      <c r="AA130" s="14"/>
      <c r="AB130" s="14"/>
    </row>
    <row r="131" spans="1:28" ht="29.1" customHeight="1">
      <c r="A131" s="14"/>
      <c r="B131" s="14"/>
      <c r="C131" s="14"/>
      <c r="D131" s="14"/>
      <c r="E131" s="14"/>
      <c r="F131" s="14"/>
      <c r="G131" s="14"/>
      <c r="H131" s="14"/>
      <c r="I131" s="14"/>
      <c r="J131" s="14"/>
      <c r="K131" s="14"/>
      <c r="L131" s="14"/>
      <c r="M131" s="14"/>
      <c r="N131" s="14"/>
      <c r="O131" s="14"/>
      <c r="P131" s="14"/>
      <c r="Q131" s="14"/>
      <c r="R131" s="14"/>
      <c r="S131" s="14"/>
      <c r="T131" s="14"/>
      <c r="U131" s="14"/>
      <c r="V131" s="14"/>
      <c r="W131" s="14"/>
      <c r="X131" s="14"/>
      <c r="Y131" s="14"/>
      <c r="Z131" s="14"/>
      <c r="AA131" s="14"/>
      <c r="AB131" s="14"/>
    </row>
    <row r="132" spans="1:28" ht="29.1" customHeight="1">
      <c r="A132" s="14"/>
      <c r="B132" s="14"/>
      <c r="C132" s="14"/>
      <c r="D132" s="14"/>
      <c r="E132" s="14"/>
      <c r="F132" s="14"/>
      <c r="G132" s="14"/>
      <c r="H132" s="14"/>
      <c r="I132" s="14"/>
      <c r="J132" s="14"/>
      <c r="K132" s="14"/>
      <c r="L132" s="14"/>
      <c r="M132" s="14"/>
      <c r="N132" s="14"/>
      <c r="O132" s="14"/>
      <c r="P132" s="14"/>
      <c r="Q132" s="14"/>
      <c r="R132" s="14"/>
      <c r="S132" s="14"/>
      <c r="T132" s="14"/>
      <c r="U132" s="14"/>
      <c r="V132" s="14"/>
      <c r="W132" s="14"/>
      <c r="X132" s="14"/>
      <c r="Y132" s="14"/>
      <c r="Z132" s="14"/>
      <c r="AA132" s="14"/>
      <c r="AB132" s="14"/>
    </row>
    <row r="133" spans="1:28" ht="29.1" customHeight="1">
      <c r="A133" s="14"/>
      <c r="B133" s="14"/>
      <c r="C133" s="14"/>
      <c r="D133" s="14"/>
      <c r="E133" s="14"/>
      <c r="F133" s="14"/>
      <c r="G133" s="14"/>
      <c r="H133" s="14"/>
      <c r="I133" s="14"/>
      <c r="J133" s="14"/>
      <c r="K133" s="14"/>
      <c r="L133" s="14"/>
      <c r="M133" s="14"/>
      <c r="N133" s="14"/>
      <c r="O133" s="14"/>
      <c r="P133" s="14"/>
      <c r="Q133" s="14"/>
      <c r="R133" s="14"/>
      <c r="S133" s="14"/>
      <c r="T133" s="14"/>
      <c r="U133" s="14"/>
      <c r="V133" s="14"/>
      <c r="W133" s="14"/>
      <c r="X133" s="14"/>
      <c r="Y133" s="14"/>
      <c r="Z133" s="14"/>
      <c r="AA133" s="14"/>
      <c r="AB133" s="14"/>
    </row>
    <row r="134" spans="1:28" ht="29.1" customHeight="1">
      <c r="A134" s="14"/>
      <c r="B134" s="14"/>
      <c r="C134" s="14"/>
      <c r="D134" s="14"/>
      <c r="E134" s="14"/>
      <c r="F134" s="14"/>
      <c r="G134" s="14"/>
      <c r="H134" s="14"/>
      <c r="I134" s="14"/>
      <c r="J134" s="14"/>
      <c r="K134" s="14"/>
      <c r="L134" s="14"/>
      <c r="M134" s="14"/>
      <c r="N134" s="14"/>
      <c r="O134" s="14"/>
      <c r="P134" s="14"/>
      <c r="Q134" s="14"/>
      <c r="R134" s="14"/>
      <c r="S134" s="14"/>
      <c r="T134" s="14"/>
      <c r="U134" s="14"/>
      <c r="V134" s="14"/>
      <c r="W134" s="14"/>
      <c r="X134" s="14"/>
      <c r="Y134" s="14"/>
      <c r="Z134" s="14"/>
      <c r="AA134" s="14"/>
      <c r="AB134" s="14"/>
    </row>
    <row r="135" spans="1:28" ht="29.1" customHeight="1">
      <c r="A135" s="14"/>
      <c r="B135" s="14"/>
      <c r="C135" s="14"/>
      <c r="D135" s="14"/>
      <c r="E135" s="14"/>
      <c r="F135" s="14"/>
      <c r="G135" s="14"/>
      <c r="H135" s="14"/>
      <c r="I135" s="14"/>
      <c r="J135" s="14"/>
      <c r="K135" s="14"/>
      <c r="L135" s="14"/>
      <c r="M135" s="14"/>
      <c r="N135" s="14"/>
      <c r="O135" s="14"/>
      <c r="P135" s="14"/>
      <c r="Q135" s="14"/>
      <c r="R135" s="14"/>
      <c r="S135" s="14"/>
      <c r="T135" s="14"/>
      <c r="U135" s="14"/>
      <c r="V135" s="14"/>
      <c r="W135" s="14"/>
      <c r="X135" s="14"/>
      <c r="Y135" s="14"/>
      <c r="Z135" s="14"/>
      <c r="AA135" s="14"/>
      <c r="AB135" s="14"/>
    </row>
    <row r="136" spans="1:28" ht="29.1" customHeight="1">
      <c r="A136" s="14"/>
      <c r="B136" s="14"/>
      <c r="C136" s="14"/>
      <c r="D136" s="14"/>
      <c r="E136" s="14"/>
      <c r="F136" s="14"/>
      <c r="G136" s="14"/>
      <c r="H136" s="14"/>
      <c r="I136" s="14"/>
      <c r="J136" s="14"/>
      <c r="K136" s="14"/>
      <c r="L136" s="14"/>
      <c r="M136" s="14"/>
      <c r="N136" s="14"/>
      <c r="O136" s="14"/>
      <c r="P136" s="14"/>
      <c r="Q136" s="14"/>
      <c r="R136" s="14"/>
      <c r="S136" s="14"/>
      <c r="T136" s="14"/>
      <c r="U136" s="14"/>
      <c r="V136" s="14"/>
      <c r="W136" s="14"/>
      <c r="X136" s="14"/>
      <c r="Y136" s="14"/>
      <c r="Z136" s="14"/>
      <c r="AA136" s="14"/>
      <c r="AB136" s="14"/>
    </row>
    <row r="137" spans="1:28" ht="29.1" customHeight="1">
      <c r="A137" s="14"/>
      <c r="B137" s="14"/>
      <c r="C137" s="14"/>
      <c r="D137" s="14"/>
      <c r="E137" s="14"/>
      <c r="F137" s="14"/>
      <c r="G137" s="14"/>
      <c r="H137" s="14"/>
      <c r="I137" s="14"/>
      <c r="J137" s="14"/>
      <c r="K137" s="14"/>
      <c r="L137" s="14"/>
      <c r="M137" s="14"/>
      <c r="N137" s="14"/>
      <c r="O137" s="14"/>
      <c r="P137" s="14"/>
      <c r="Q137" s="14"/>
      <c r="R137" s="14"/>
      <c r="S137" s="14"/>
      <c r="T137" s="14"/>
      <c r="U137" s="14"/>
      <c r="V137" s="14"/>
      <c r="W137" s="14"/>
      <c r="X137" s="14"/>
      <c r="Y137" s="14"/>
      <c r="Z137" s="14"/>
      <c r="AA137" s="14"/>
      <c r="AB137" s="14"/>
    </row>
    <row r="138" spans="1:28" ht="29.1" customHeight="1">
      <c r="A138" s="14"/>
      <c r="B138" s="14"/>
      <c r="C138" s="14"/>
      <c r="D138" s="14"/>
      <c r="E138" s="14"/>
      <c r="F138" s="14"/>
      <c r="G138" s="14"/>
      <c r="H138" s="14"/>
      <c r="I138" s="14"/>
      <c r="J138" s="14"/>
      <c r="K138" s="14"/>
      <c r="L138" s="14"/>
      <c r="M138" s="14"/>
      <c r="N138" s="14"/>
      <c r="O138" s="14"/>
      <c r="P138" s="14"/>
      <c r="Q138" s="14"/>
      <c r="R138" s="14"/>
      <c r="S138" s="14"/>
      <c r="T138" s="14"/>
      <c r="U138" s="14"/>
      <c r="V138" s="14"/>
      <c r="W138" s="14"/>
      <c r="X138" s="14"/>
      <c r="Y138" s="14"/>
      <c r="Z138" s="14"/>
      <c r="AA138" s="14"/>
      <c r="AB138" s="14"/>
    </row>
    <row r="139" spans="1:28" ht="29.1" customHeight="1">
      <c r="A139" s="14"/>
      <c r="B139" s="14"/>
      <c r="C139" s="14"/>
      <c r="D139" s="14"/>
      <c r="E139" s="14"/>
      <c r="F139" s="14"/>
      <c r="G139" s="14"/>
      <c r="H139" s="14"/>
      <c r="I139" s="14"/>
      <c r="J139" s="14"/>
      <c r="K139" s="14"/>
      <c r="L139" s="14"/>
      <c r="M139" s="14"/>
      <c r="N139" s="14"/>
      <c r="O139" s="14"/>
      <c r="P139" s="14"/>
      <c r="Q139" s="14"/>
      <c r="R139" s="14"/>
      <c r="S139" s="14"/>
      <c r="T139" s="14"/>
      <c r="U139" s="14"/>
      <c r="V139" s="14"/>
      <c r="W139" s="14"/>
      <c r="X139" s="14"/>
      <c r="Y139" s="14"/>
      <c r="Z139" s="14"/>
      <c r="AA139" s="14"/>
      <c r="AB139" s="14"/>
    </row>
    <row r="140" spans="1:28" ht="29.1" customHeight="1">
      <c r="A140" s="14"/>
      <c r="B140" s="14"/>
      <c r="C140" s="14"/>
      <c r="D140" s="14"/>
      <c r="E140" s="14"/>
      <c r="F140" s="14"/>
      <c r="G140" s="14"/>
      <c r="H140" s="14"/>
      <c r="I140" s="14"/>
      <c r="J140" s="14"/>
      <c r="K140" s="14"/>
      <c r="L140" s="14"/>
      <c r="M140" s="14"/>
      <c r="N140" s="14"/>
      <c r="O140" s="14"/>
      <c r="P140" s="14"/>
      <c r="Q140" s="14"/>
      <c r="R140" s="14"/>
      <c r="S140" s="14"/>
      <c r="T140" s="14"/>
      <c r="U140" s="14"/>
      <c r="V140" s="14"/>
      <c r="W140" s="14"/>
      <c r="X140" s="14"/>
      <c r="Y140" s="14"/>
      <c r="Z140" s="14"/>
      <c r="AA140" s="14"/>
      <c r="AB140" s="14"/>
    </row>
    <row r="141" spans="1:28" ht="29.1" customHeight="1">
      <c r="A141" s="14"/>
      <c r="B141" s="14"/>
      <c r="C141" s="14"/>
      <c r="D141" s="14"/>
      <c r="E141" s="14"/>
      <c r="F141" s="14"/>
      <c r="G141" s="14"/>
      <c r="H141" s="14"/>
      <c r="I141" s="14"/>
      <c r="J141" s="14"/>
      <c r="K141" s="14"/>
      <c r="L141" s="14"/>
      <c r="M141" s="14"/>
      <c r="N141" s="14"/>
      <c r="O141" s="14"/>
      <c r="P141" s="14"/>
      <c r="Q141" s="14"/>
      <c r="R141" s="14"/>
      <c r="S141" s="14"/>
      <c r="T141" s="14"/>
      <c r="U141" s="14"/>
      <c r="V141" s="14"/>
      <c r="W141" s="14"/>
      <c r="X141" s="14"/>
      <c r="Y141" s="14"/>
      <c r="Z141" s="14"/>
      <c r="AA141" s="14"/>
      <c r="AB141" s="14"/>
    </row>
    <row r="142" spans="1:28" ht="29.1" customHeight="1">
      <c r="A142" s="14"/>
      <c r="B142" s="14"/>
      <c r="C142" s="14"/>
      <c r="D142" s="14"/>
      <c r="E142" s="14"/>
      <c r="F142" s="14"/>
      <c r="G142" s="14"/>
      <c r="H142" s="14"/>
      <c r="I142" s="14"/>
      <c r="J142" s="14"/>
      <c r="K142" s="14"/>
      <c r="L142" s="14"/>
      <c r="M142" s="14"/>
      <c r="N142" s="14"/>
      <c r="O142" s="14"/>
      <c r="P142" s="14"/>
      <c r="Q142" s="14"/>
      <c r="R142" s="14"/>
      <c r="S142" s="14"/>
      <c r="T142" s="14"/>
      <c r="U142" s="14"/>
      <c r="V142" s="14"/>
      <c r="W142" s="14"/>
      <c r="X142" s="14"/>
      <c r="Y142" s="14"/>
      <c r="Z142" s="14"/>
      <c r="AA142" s="14"/>
      <c r="AB142" s="14"/>
    </row>
    <row r="143" spans="1:28" ht="29.1" customHeight="1">
      <c r="A143" s="14"/>
      <c r="B143" s="14"/>
      <c r="C143" s="14"/>
      <c r="D143" s="14"/>
      <c r="E143" s="14"/>
      <c r="F143" s="14"/>
      <c r="G143" s="14"/>
      <c r="H143" s="14"/>
      <c r="I143" s="14"/>
      <c r="J143" s="14"/>
      <c r="K143" s="14"/>
      <c r="L143" s="14"/>
      <c r="M143" s="14"/>
      <c r="N143" s="14"/>
      <c r="O143" s="14"/>
      <c r="P143" s="14"/>
      <c r="Q143" s="14"/>
      <c r="R143" s="14"/>
      <c r="S143" s="14"/>
      <c r="T143" s="14"/>
      <c r="U143" s="14"/>
      <c r="V143" s="14"/>
      <c r="W143" s="14"/>
      <c r="X143" s="14"/>
      <c r="Y143" s="14"/>
      <c r="Z143" s="14"/>
      <c r="AA143" s="14"/>
      <c r="AB143" s="14"/>
    </row>
    <row r="144" spans="1:28" ht="29.1" customHeight="1">
      <c r="A144" s="14"/>
      <c r="B144" s="14"/>
      <c r="C144" s="14"/>
      <c r="D144" s="14"/>
      <c r="E144" s="14"/>
      <c r="F144" s="14"/>
      <c r="G144" s="14"/>
      <c r="H144" s="14"/>
      <c r="I144" s="14"/>
      <c r="J144" s="14"/>
      <c r="K144" s="14"/>
      <c r="L144" s="14"/>
      <c r="M144" s="14"/>
      <c r="N144" s="14"/>
      <c r="O144" s="14"/>
      <c r="P144" s="14"/>
      <c r="Q144" s="14"/>
      <c r="R144" s="14"/>
      <c r="S144" s="14"/>
      <c r="T144" s="14"/>
      <c r="U144" s="14"/>
      <c r="V144" s="14"/>
      <c r="W144" s="14"/>
      <c r="X144" s="14"/>
      <c r="Y144" s="14"/>
      <c r="Z144" s="14"/>
      <c r="AA144" s="14"/>
      <c r="AB144" s="14"/>
    </row>
    <row r="145" spans="1:28" ht="29.1" customHeight="1">
      <c r="A145" s="14"/>
      <c r="B145" s="14"/>
      <c r="C145" s="14"/>
      <c r="D145" s="14"/>
      <c r="E145" s="14"/>
      <c r="F145" s="14"/>
      <c r="G145" s="14"/>
      <c r="H145" s="14"/>
      <c r="I145" s="14"/>
      <c r="J145" s="14"/>
      <c r="K145" s="14"/>
      <c r="L145" s="14"/>
      <c r="M145" s="14"/>
      <c r="N145" s="14"/>
      <c r="O145" s="14"/>
      <c r="P145" s="14"/>
      <c r="Q145" s="14"/>
      <c r="R145" s="14"/>
      <c r="S145" s="14"/>
      <c r="T145" s="14"/>
      <c r="U145" s="14"/>
      <c r="V145" s="14"/>
      <c r="W145" s="14"/>
      <c r="X145" s="14"/>
      <c r="Y145" s="14"/>
      <c r="Z145" s="14"/>
      <c r="AA145" s="14"/>
      <c r="AB145" s="14"/>
    </row>
    <row r="146" spans="1:28" ht="29.1" customHeight="1">
      <c r="A146" s="14"/>
      <c r="B146" s="14"/>
      <c r="C146" s="14"/>
      <c r="D146" s="14"/>
      <c r="E146" s="14"/>
      <c r="F146" s="14"/>
      <c r="G146" s="14"/>
      <c r="H146" s="14"/>
      <c r="I146" s="14"/>
      <c r="J146" s="14"/>
      <c r="K146" s="14"/>
      <c r="L146" s="14"/>
      <c r="M146" s="14"/>
      <c r="N146" s="14"/>
      <c r="O146" s="14"/>
      <c r="P146" s="14"/>
      <c r="Q146" s="14"/>
      <c r="R146" s="14"/>
      <c r="S146" s="14"/>
      <c r="T146" s="14"/>
      <c r="U146" s="14"/>
      <c r="V146" s="14"/>
      <c r="W146" s="14"/>
      <c r="X146" s="14"/>
      <c r="Y146" s="14"/>
      <c r="Z146" s="14"/>
      <c r="AA146" s="14"/>
      <c r="AB146" s="14"/>
    </row>
    <row r="147" spans="1:28" ht="29.1" customHeight="1">
      <c r="A147" s="14"/>
      <c r="B147" s="14"/>
      <c r="C147" s="14"/>
      <c r="D147" s="14"/>
      <c r="E147" s="14"/>
      <c r="F147" s="14"/>
      <c r="G147" s="14"/>
      <c r="H147" s="14"/>
      <c r="I147" s="14"/>
      <c r="J147" s="14"/>
      <c r="K147" s="14"/>
      <c r="L147" s="14"/>
      <c r="M147" s="14"/>
      <c r="N147" s="14"/>
      <c r="O147" s="14"/>
      <c r="P147" s="14"/>
      <c r="Q147" s="14"/>
      <c r="R147" s="14"/>
      <c r="S147" s="14"/>
      <c r="T147" s="14"/>
      <c r="U147" s="14"/>
      <c r="V147" s="14"/>
      <c r="W147" s="14"/>
      <c r="X147" s="14"/>
      <c r="Y147" s="14"/>
      <c r="Z147" s="14"/>
      <c r="AA147" s="14"/>
      <c r="AB147" s="14"/>
    </row>
    <row r="148" spans="1:28" ht="29.1" customHeight="1">
      <c r="A148" s="14"/>
      <c r="B148" s="14"/>
      <c r="C148" s="14"/>
      <c r="D148" s="14"/>
      <c r="E148" s="14"/>
      <c r="F148" s="14"/>
      <c r="G148" s="14"/>
      <c r="H148" s="14"/>
      <c r="I148" s="14"/>
      <c r="J148" s="14"/>
      <c r="K148" s="14"/>
      <c r="L148" s="14"/>
      <c r="M148" s="14"/>
      <c r="N148" s="14"/>
      <c r="O148" s="14"/>
      <c r="P148" s="14"/>
      <c r="Q148" s="14"/>
      <c r="R148" s="14"/>
      <c r="S148" s="14"/>
      <c r="T148" s="14"/>
      <c r="U148" s="14"/>
      <c r="V148" s="14"/>
      <c r="W148" s="14"/>
      <c r="X148" s="14"/>
      <c r="Y148" s="14"/>
      <c r="Z148" s="14"/>
      <c r="AA148" s="14"/>
      <c r="AB148" s="14"/>
    </row>
    <row r="149" spans="1:28" ht="29.1" customHeight="1">
      <c r="A149" s="14"/>
      <c r="B149" s="14"/>
      <c r="C149" s="14"/>
      <c r="D149" s="14"/>
      <c r="E149" s="14"/>
      <c r="F149" s="14"/>
      <c r="G149" s="14"/>
      <c r="H149" s="14"/>
      <c r="I149" s="14"/>
      <c r="J149" s="14"/>
      <c r="K149" s="14"/>
      <c r="L149" s="14"/>
      <c r="M149" s="14"/>
      <c r="N149" s="14"/>
      <c r="O149" s="14"/>
      <c r="P149" s="14"/>
      <c r="Q149" s="14"/>
      <c r="R149" s="14"/>
      <c r="S149" s="14"/>
      <c r="T149" s="14"/>
      <c r="U149" s="14"/>
      <c r="V149" s="14"/>
      <c r="W149" s="14"/>
      <c r="X149" s="14"/>
      <c r="Y149" s="14"/>
      <c r="Z149" s="14"/>
      <c r="AA149" s="14"/>
      <c r="AB149" s="14"/>
    </row>
    <row r="150" spans="1:28" ht="29.1" customHeight="1">
      <c r="A150" s="14"/>
      <c r="B150" s="14"/>
      <c r="C150" s="14"/>
      <c r="D150" s="14"/>
      <c r="E150" s="14"/>
      <c r="F150" s="14"/>
      <c r="G150" s="14"/>
      <c r="H150" s="14"/>
      <c r="I150" s="14"/>
      <c r="J150" s="14"/>
      <c r="K150" s="14"/>
      <c r="L150" s="14"/>
      <c r="M150" s="14"/>
      <c r="N150" s="14"/>
      <c r="O150" s="14"/>
      <c r="P150" s="14"/>
      <c r="Q150" s="14"/>
      <c r="R150" s="14"/>
      <c r="S150" s="14"/>
      <c r="T150" s="14"/>
      <c r="U150" s="14"/>
      <c r="V150" s="14"/>
      <c r="W150" s="14"/>
      <c r="X150" s="14"/>
      <c r="Y150" s="14"/>
      <c r="Z150" s="14"/>
      <c r="AA150" s="14"/>
      <c r="AB150" s="14"/>
    </row>
    <row r="151" spans="1:28" ht="29.1" customHeight="1">
      <c r="A151" s="14"/>
      <c r="B151" s="14"/>
      <c r="C151" s="14"/>
      <c r="D151" s="14"/>
      <c r="E151" s="14"/>
      <c r="F151" s="14"/>
      <c r="G151" s="14"/>
      <c r="H151" s="14"/>
      <c r="I151" s="14"/>
      <c r="J151" s="14"/>
      <c r="K151" s="14"/>
      <c r="L151" s="14"/>
      <c r="M151" s="14"/>
      <c r="N151" s="14"/>
      <c r="O151" s="14"/>
      <c r="P151" s="14"/>
      <c r="Q151" s="14"/>
      <c r="R151" s="14"/>
      <c r="S151" s="14"/>
      <c r="T151" s="14"/>
      <c r="U151" s="14"/>
      <c r="V151" s="14"/>
      <c r="W151" s="14"/>
      <c r="X151" s="14"/>
      <c r="Y151" s="14"/>
      <c r="Z151" s="14"/>
      <c r="AA151" s="14"/>
      <c r="AB151" s="14"/>
    </row>
    <row r="152" spans="1:28" ht="29.1" customHeight="1">
      <c r="A152" s="14"/>
      <c r="B152" s="14"/>
      <c r="C152" s="14"/>
      <c r="D152" s="14"/>
      <c r="E152" s="14"/>
      <c r="F152" s="14"/>
      <c r="G152" s="14"/>
      <c r="H152" s="14"/>
      <c r="I152" s="14"/>
      <c r="J152" s="14"/>
      <c r="K152" s="14"/>
      <c r="L152" s="14"/>
      <c r="M152" s="14"/>
      <c r="N152" s="14"/>
      <c r="O152" s="14"/>
      <c r="P152" s="14"/>
      <c r="Q152" s="14"/>
      <c r="R152" s="14"/>
      <c r="S152" s="14"/>
      <c r="T152" s="14"/>
      <c r="U152" s="14"/>
      <c r="V152" s="14"/>
      <c r="W152" s="14"/>
      <c r="X152" s="14"/>
      <c r="Y152" s="14"/>
      <c r="Z152" s="14"/>
      <c r="AA152" s="14"/>
      <c r="AB152" s="14"/>
    </row>
    <row r="153" spans="1:28" ht="29.1" customHeight="1">
      <c r="A153" s="14"/>
      <c r="B153" s="14"/>
      <c r="C153" s="14"/>
      <c r="D153" s="14"/>
      <c r="E153" s="14"/>
      <c r="F153" s="14"/>
      <c r="G153" s="14"/>
      <c r="H153" s="14"/>
      <c r="I153" s="14"/>
      <c r="J153" s="14"/>
      <c r="K153" s="14"/>
      <c r="L153" s="14"/>
      <c r="M153" s="14"/>
      <c r="N153" s="14"/>
      <c r="O153" s="14"/>
      <c r="P153" s="14"/>
      <c r="Q153" s="14"/>
      <c r="R153" s="14"/>
      <c r="S153" s="14"/>
      <c r="T153" s="14"/>
      <c r="U153" s="14"/>
      <c r="V153" s="14"/>
      <c r="W153" s="14"/>
      <c r="X153" s="14"/>
      <c r="Y153" s="14"/>
      <c r="Z153" s="14"/>
      <c r="AA153" s="14"/>
      <c r="AB153" s="14"/>
    </row>
    <row r="154" spans="1:28" ht="29.1" customHeight="1">
      <c r="A154" s="14"/>
      <c r="B154" s="14"/>
      <c r="C154" s="14"/>
      <c r="D154" s="14"/>
      <c r="E154" s="14"/>
      <c r="F154" s="14"/>
      <c r="G154" s="14"/>
      <c r="H154" s="14"/>
      <c r="I154" s="14"/>
      <c r="J154" s="14"/>
      <c r="K154" s="14"/>
      <c r="L154" s="14"/>
      <c r="M154" s="14"/>
      <c r="N154" s="14"/>
      <c r="O154" s="14"/>
      <c r="P154" s="14"/>
      <c r="Q154" s="14"/>
      <c r="R154" s="14"/>
      <c r="S154" s="14"/>
      <c r="T154" s="14"/>
      <c r="U154" s="14"/>
      <c r="V154" s="14"/>
      <c r="W154" s="14"/>
      <c r="X154" s="14"/>
      <c r="Y154" s="14"/>
      <c r="Z154" s="14"/>
      <c r="AA154" s="14"/>
      <c r="AB154" s="14"/>
    </row>
    <row r="155" spans="1:28" ht="29.1" customHeight="1">
      <c r="A155" s="14"/>
      <c r="B155" s="14"/>
      <c r="C155" s="14"/>
      <c r="D155" s="14"/>
      <c r="E155" s="14"/>
      <c r="F155" s="14"/>
      <c r="G155" s="14"/>
      <c r="H155" s="14"/>
      <c r="I155" s="14"/>
      <c r="J155" s="14"/>
      <c r="K155" s="14"/>
      <c r="L155" s="14"/>
      <c r="M155" s="14"/>
      <c r="N155" s="14"/>
      <c r="O155" s="14"/>
      <c r="P155" s="14"/>
      <c r="Q155" s="14"/>
      <c r="R155" s="14"/>
      <c r="S155" s="14"/>
      <c r="T155" s="14"/>
      <c r="U155" s="14"/>
      <c r="V155" s="14"/>
      <c r="W155" s="14"/>
      <c r="X155" s="14"/>
      <c r="Y155" s="14"/>
      <c r="Z155" s="14"/>
      <c r="AA155" s="14"/>
      <c r="AB155" s="14"/>
    </row>
    <row r="156" spans="1:28" ht="29.1" customHeight="1">
      <c r="A156" s="14"/>
      <c r="B156" s="14"/>
      <c r="C156" s="14"/>
      <c r="D156" s="14"/>
      <c r="E156" s="14"/>
      <c r="F156" s="14"/>
      <c r="G156" s="14"/>
      <c r="H156" s="14"/>
      <c r="I156" s="14"/>
      <c r="J156" s="14"/>
      <c r="K156" s="14"/>
      <c r="L156" s="14"/>
      <c r="M156" s="14"/>
      <c r="N156" s="14"/>
      <c r="O156" s="14"/>
      <c r="P156" s="14"/>
      <c r="Q156" s="14"/>
      <c r="R156" s="14"/>
      <c r="S156" s="14"/>
      <c r="T156" s="14"/>
      <c r="U156" s="14"/>
      <c r="V156" s="14"/>
      <c r="W156" s="14"/>
      <c r="X156" s="14"/>
      <c r="Y156" s="14"/>
      <c r="Z156" s="14"/>
      <c r="AA156" s="14"/>
      <c r="AB156" s="14"/>
    </row>
    <row r="157" spans="1:28" ht="29.1" customHeight="1">
      <c r="A157" s="14"/>
      <c r="B157" s="14"/>
      <c r="C157" s="14"/>
      <c r="D157" s="14"/>
      <c r="E157" s="14"/>
      <c r="F157" s="14"/>
      <c r="G157" s="14"/>
      <c r="H157" s="14"/>
      <c r="I157" s="14"/>
      <c r="J157" s="14"/>
      <c r="K157" s="14"/>
      <c r="L157" s="14"/>
      <c r="M157" s="14"/>
      <c r="N157" s="14"/>
      <c r="O157" s="14"/>
      <c r="P157" s="14"/>
      <c r="Q157" s="14"/>
      <c r="R157" s="14"/>
      <c r="S157" s="14"/>
      <c r="T157" s="14"/>
      <c r="U157" s="14"/>
      <c r="V157" s="14"/>
      <c r="W157" s="14"/>
      <c r="X157" s="14"/>
      <c r="Y157" s="14"/>
      <c r="Z157" s="14"/>
      <c r="AA157" s="14"/>
      <c r="AB157" s="14"/>
    </row>
    <row r="158" spans="1:28" ht="29.1" customHeight="1">
      <c r="A158" s="14"/>
      <c r="B158" s="14"/>
      <c r="C158" s="14"/>
      <c r="D158" s="14"/>
      <c r="E158" s="14"/>
      <c r="F158" s="14"/>
      <c r="G158" s="14"/>
      <c r="H158" s="14"/>
      <c r="I158" s="14"/>
      <c r="J158" s="14"/>
      <c r="K158" s="14"/>
      <c r="L158" s="14"/>
      <c r="M158" s="14"/>
      <c r="N158" s="14"/>
      <c r="O158" s="14"/>
      <c r="P158" s="14"/>
      <c r="Q158" s="14"/>
      <c r="R158" s="14"/>
      <c r="S158" s="14"/>
      <c r="T158" s="14"/>
      <c r="U158" s="14"/>
      <c r="V158" s="14"/>
      <c r="W158" s="14"/>
      <c r="X158" s="14"/>
      <c r="Y158" s="14"/>
      <c r="Z158" s="14"/>
      <c r="AA158" s="14"/>
      <c r="AB158" s="14"/>
    </row>
    <row r="159" spans="1:28" ht="29.1" customHeight="1">
      <c r="A159" s="14"/>
      <c r="B159" s="14"/>
      <c r="C159" s="14"/>
      <c r="D159" s="14"/>
      <c r="E159" s="14"/>
      <c r="F159" s="14"/>
      <c r="G159" s="14"/>
      <c r="H159" s="14"/>
      <c r="I159" s="14"/>
      <c r="J159" s="14"/>
      <c r="K159" s="14"/>
      <c r="L159" s="14"/>
      <c r="M159" s="14"/>
      <c r="N159" s="14"/>
      <c r="O159" s="14"/>
      <c r="P159" s="14"/>
      <c r="Q159" s="14"/>
      <c r="R159" s="14"/>
      <c r="S159" s="14"/>
      <c r="T159" s="14"/>
      <c r="U159" s="14"/>
      <c r="V159" s="14"/>
      <c r="W159" s="14"/>
      <c r="X159" s="14"/>
      <c r="Y159" s="14"/>
      <c r="Z159" s="14"/>
      <c r="AA159" s="14"/>
      <c r="AB159" s="14"/>
    </row>
    <row r="160" spans="1:28" ht="29.1" customHeight="1">
      <c r="A160" s="14"/>
      <c r="B160" s="14"/>
      <c r="C160" s="14"/>
      <c r="D160" s="14"/>
      <c r="E160" s="14"/>
      <c r="F160" s="14"/>
      <c r="G160" s="14"/>
      <c r="H160" s="14"/>
      <c r="I160" s="14"/>
      <c r="J160" s="14"/>
      <c r="K160" s="14"/>
      <c r="L160" s="14"/>
      <c r="M160" s="14"/>
      <c r="N160" s="14"/>
      <c r="O160" s="14"/>
      <c r="P160" s="14"/>
      <c r="Q160" s="14"/>
      <c r="R160" s="14"/>
      <c r="S160" s="14"/>
      <c r="T160" s="14"/>
      <c r="U160" s="14"/>
      <c r="V160" s="14"/>
      <c r="W160" s="14"/>
      <c r="X160" s="14"/>
      <c r="Y160" s="14"/>
      <c r="Z160" s="14"/>
      <c r="AA160" s="14"/>
      <c r="AB160" s="14"/>
    </row>
    <row r="161" spans="1:28" ht="29.1" customHeight="1">
      <c r="A161" s="14"/>
      <c r="B161" s="14"/>
      <c r="C161" s="14"/>
      <c r="D161" s="14"/>
      <c r="E161" s="14"/>
      <c r="F161" s="14"/>
      <c r="G161" s="14"/>
      <c r="H161" s="14"/>
      <c r="I161" s="14"/>
      <c r="J161" s="14"/>
      <c r="K161" s="14"/>
      <c r="L161" s="14"/>
      <c r="M161" s="14"/>
      <c r="N161" s="14"/>
      <c r="O161" s="14"/>
      <c r="P161" s="14"/>
      <c r="Q161" s="14"/>
      <c r="R161" s="14"/>
      <c r="S161" s="14"/>
      <c r="T161" s="14"/>
      <c r="U161" s="14"/>
      <c r="V161" s="14"/>
      <c r="W161" s="14"/>
      <c r="X161" s="14"/>
      <c r="Y161" s="14"/>
      <c r="Z161" s="14"/>
      <c r="AA161" s="14"/>
      <c r="AB161" s="14"/>
    </row>
    <row r="162" spans="1:28" ht="29.1" customHeight="1">
      <c r="A162" s="14"/>
      <c r="B162" s="14"/>
      <c r="C162" s="14"/>
      <c r="D162" s="14"/>
      <c r="E162" s="14"/>
      <c r="F162" s="14"/>
      <c r="G162" s="14"/>
      <c r="H162" s="14"/>
      <c r="I162" s="14"/>
      <c r="J162" s="14"/>
      <c r="K162" s="14"/>
      <c r="L162" s="14"/>
      <c r="M162" s="14"/>
      <c r="N162" s="14"/>
      <c r="O162" s="14"/>
      <c r="P162" s="14"/>
      <c r="Q162" s="14"/>
      <c r="R162" s="14"/>
      <c r="S162" s="14"/>
      <c r="T162" s="14"/>
      <c r="U162" s="14"/>
      <c r="V162" s="14"/>
      <c r="W162" s="14"/>
      <c r="X162" s="14"/>
      <c r="Y162" s="14"/>
      <c r="Z162" s="14"/>
      <c r="AA162" s="14"/>
      <c r="AB162" s="14"/>
    </row>
    <row r="163" spans="1:28" ht="29.1" customHeight="1">
      <c r="A163" s="14"/>
      <c r="B163" s="14"/>
      <c r="C163" s="14"/>
      <c r="D163" s="14"/>
      <c r="E163" s="14"/>
      <c r="F163" s="14"/>
      <c r="G163" s="14"/>
      <c r="H163" s="14"/>
      <c r="I163" s="14"/>
      <c r="J163" s="14"/>
      <c r="K163" s="14"/>
      <c r="L163" s="14"/>
      <c r="M163" s="14"/>
      <c r="N163" s="14"/>
      <c r="O163" s="14"/>
      <c r="P163" s="14"/>
      <c r="Q163" s="14"/>
      <c r="R163" s="14"/>
      <c r="S163" s="14"/>
      <c r="T163" s="14"/>
      <c r="U163" s="14"/>
      <c r="V163" s="14"/>
      <c r="W163" s="14"/>
      <c r="X163" s="14"/>
      <c r="Y163" s="14"/>
      <c r="Z163" s="14"/>
      <c r="AA163" s="14"/>
      <c r="AB163" s="14"/>
    </row>
    <row r="164" spans="1:28" ht="29.1" customHeight="1">
      <c r="A164" s="14"/>
      <c r="B164" s="14"/>
      <c r="C164" s="14"/>
      <c r="D164" s="14"/>
      <c r="E164" s="14"/>
      <c r="F164" s="14"/>
      <c r="G164" s="14"/>
      <c r="H164" s="14"/>
      <c r="I164" s="14"/>
      <c r="J164" s="14"/>
      <c r="K164" s="14"/>
      <c r="L164" s="14"/>
      <c r="M164" s="14"/>
      <c r="N164" s="14"/>
      <c r="O164" s="14"/>
      <c r="P164" s="14"/>
      <c r="Q164" s="14"/>
      <c r="R164" s="14"/>
      <c r="S164" s="14"/>
      <c r="T164" s="14"/>
      <c r="U164" s="14"/>
      <c r="V164" s="14"/>
      <c r="W164" s="14"/>
      <c r="X164" s="14"/>
      <c r="Y164" s="14"/>
      <c r="Z164" s="14"/>
      <c r="AA164" s="14"/>
      <c r="AB164" s="14"/>
    </row>
    <row r="165" spans="1:28" ht="29.1" customHeight="1">
      <c r="A165" s="14"/>
      <c r="B165" s="14"/>
      <c r="C165" s="14"/>
      <c r="D165" s="14"/>
      <c r="E165" s="14"/>
      <c r="F165" s="14"/>
      <c r="G165" s="14"/>
      <c r="H165" s="14"/>
      <c r="I165" s="14"/>
      <c r="J165" s="14"/>
      <c r="K165" s="14"/>
      <c r="L165" s="14"/>
      <c r="M165" s="14"/>
      <c r="N165" s="14"/>
      <c r="O165" s="14"/>
      <c r="P165" s="14"/>
      <c r="Q165" s="14"/>
      <c r="R165" s="14"/>
      <c r="S165" s="14"/>
      <c r="T165" s="14"/>
      <c r="U165" s="14"/>
      <c r="V165" s="14"/>
      <c r="W165" s="14"/>
      <c r="X165" s="14"/>
      <c r="Y165" s="14"/>
      <c r="Z165" s="14"/>
      <c r="AA165" s="14"/>
      <c r="AB165" s="14"/>
    </row>
    <row r="166" spans="1:28" ht="29.1" customHeight="1">
      <c r="A166" s="14"/>
      <c r="B166" s="14"/>
      <c r="C166" s="14"/>
      <c r="D166" s="14"/>
      <c r="E166" s="14"/>
      <c r="F166" s="14"/>
      <c r="G166" s="14"/>
      <c r="H166" s="14"/>
      <c r="I166" s="14"/>
      <c r="J166" s="14"/>
      <c r="K166" s="14"/>
      <c r="L166" s="14"/>
      <c r="M166" s="14"/>
      <c r="N166" s="14"/>
      <c r="O166" s="14"/>
      <c r="P166" s="14"/>
      <c r="Q166" s="14"/>
      <c r="R166" s="14"/>
      <c r="S166" s="14"/>
      <c r="T166" s="14"/>
      <c r="U166" s="14"/>
      <c r="V166" s="14"/>
      <c r="W166" s="14"/>
      <c r="X166" s="14"/>
      <c r="Y166" s="14"/>
      <c r="Z166" s="14"/>
      <c r="AA166" s="14"/>
      <c r="AB166" s="14"/>
    </row>
    <row r="167" spans="1:28" ht="29.1" customHeight="1">
      <c r="A167" s="14"/>
      <c r="B167" s="14"/>
      <c r="C167" s="14"/>
      <c r="D167" s="14"/>
      <c r="E167" s="14"/>
      <c r="F167" s="14"/>
      <c r="G167" s="14"/>
      <c r="H167" s="14"/>
      <c r="I167" s="14"/>
      <c r="J167" s="14"/>
      <c r="K167" s="14"/>
      <c r="L167" s="14"/>
      <c r="M167" s="14"/>
      <c r="N167" s="14"/>
      <c r="O167" s="14"/>
      <c r="P167" s="14"/>
      <c r="Q167" s="14"/>
      <c r="R167" s="14"/>
      <c r="S167" s="14"/>
      <c r="T167" s="14"/>
      <c r="U167" s="14"/>
      <c r="V167" s="14"/>
      <c r="W167" s="14"/>
      <c r="X167" s="14"/>
      <c r="Y167" s="14"/>
      <c r="Z167" s="14"/>
      <c r="AA167" s="14"/>
      <c r="AB167" s="14"/>
    </row>
    <row r="168" spans="1:28" ht="29.1" customHeight="1">
      <c r="A168" s="14"/>
      <c r="B168" s="14"/>
      <c r="C168" s="14"/>
      <c r="D168" s="14"/>
      <c r="E168" s="14"/>
      <c r="F168" s="14"/>
      <c r="G168" s="14"/>
      <c r="H168" s="14"/>
      <c r="I168" s="14"/>
      <c r="J168" s="14"/>
      <c r="K168" s="14"/>
      <c r="L168" s="14"/>
      <c r="M168" s="14"/>
      <c r="N168" s="14"/>
      <c r="O168" s="14"/>
      <c r="P168" s="14"/>
      <c r="Q168" s="14"/>
      <c r="R168" s="14"/>
      <c r="S168" s="14"/>
      <c r="T168" s="14"/>
      <c r="U168" s="14"/>
      <c r="V168" s="14"/>
      <c r="W168" s="14"/>
      <c r="X168" s="14"/>
      <c r="Y168" s="14"/>
      <c r="Z168" s="14"/>
      <c r="AA168" s="14"/>
      <c r="AB168" s="14"/>
    </row>
    <row r="169" spans="1:28" ht="29.1" customHeight="1">
      <c r="A169" s="14"/>
      <c r="B169" s="14"/>
      <c r="C169" s="14"/>
      <c r="D169" s="14"/>
      <c r="E169" s="14"/>
      <c r="F169" s="14"/>
      <c r="G169" s="14"/>
      <c r="H169" s="14"/>
      <c r="I169" s="14"/>
      <c r="J169" s="14"/>
      <c r="K169" s="14"/>
      <c r="L169" s="14"/>
      <c r="M169" s="14"/>
      <c r="N169" s="14"/>
      <c r="O169" s="14"/>
      <c r="P169" s="14"/>
      <c r="Q169" s="14"/>
      <c r="R169" s="14"/>
      <c r="S169" s="14"/>
      <c r="T169" s="14"/>
      <c r="U169" s="14"/>
      <c r="V169" s="14"/>
      <c r="W169" s="14"/>
      <c r="X169" s="14"/>
      <c r="Y169" s="14"/>
      <c r="Z169" s="14"/>
      <c r="AA169" s="14"/>
      <c r="AB169" s="14"/>
    </row>
    <row r="170" spans="1:28" ht="29.1" customHeight="1">
      <c r="A170" s="14"/>
      <c r="B170" s="14"/>
      <c r="C170" s="14"/>
      <c r="D170" s="14"/>
      <c r="E170" s="14"/>
      <c r="F170" s="14"/>
      <c r="G170" s="14"/>
      <c r="H170" s="14"/>
      <c r="I170" s="14"/>
      <c r="J170" s="14"/>
      <c r="K170" s="14"/>
      <c r="L170" s="14"/>
      <c r="M170" s="14"/>
      <c r="N170" s="14"/>
      <c r="O170" s="14"/>
      <c r="P170" s="14"/>
      <c r="Q170" s="14"/>
      <c r="R170" s="14"/>
      <c r="S170" s="14"/>
      <c r="T170" s="14"/>
      <c r="U170" s="14"/>
      <c r="V170" s="14"/>
      <c r="W170" s="14"/>
      <c r="X170" s="14"/>
      <c r="Y170" s="14"/>
      <c r="Z170" s="14"/>
      <c r="AA170" s="14"/>
      <c r="AB170" s="14"/>
    </row>
    <row r="171" spans="1:28" ht="29.1" customHeight="1">
      <c r="A171" s="14"/>
      <c r="B171" s="14"/>
      <c r="C171" s="14"/>
      <c r="D171" s="14"/>
      <c r="E171" s="14"/>
      <c r="F171" s="14"/>
      <c r="G171" s="14"/>
      <c r="H171" s="14"/>
      <c r="I171" s="14"/>
      <c r="J171" s="14"/>
      <c r="K171" s="14"/>
      <c r="L171" s="14"/>
      <c r="M171" s="14"/>
      <c r="N171" s="14"/>
      <c r="O171" s="14"/>
      <c r="P171" s="14"/>
      <c r="Q171" s="14"/>
      <c r="R171" s="14"/>
      <c r="S171" s="14"/>
      <c r="T171" s="14"/>
      <c r="U171" s="14"/>
      <c r="V171" s="14"/>
      <c r="W171" s="14"/>
      <c r="X171" s="14"/>
      <c r="Y171" s="14"/>
      <c r="Z171" s="14"/>
      <c r="AA171" s="14"/>
      <c r="AB171" s="14"/>
    </row>
    <row r="172" spans="1:28" ht="29.1" customHeight="1">
      <c r="A172" s="14"/>
      <c r="B172" s="14"/>
      <c r="C172" s="14"/>
      <c r="D172" s="14"/>
      <c r="E172" s="14"/>
      <c r="F172" s="14"/>
      <c r="G172" s="14"/>
      <c r="H172" s="14"/>
      <c r="I172" s="14"/>
      <c r="J172" s="14"/>
      <c r="K172" s="14"/>
      <c r="L172" s="14"/>
      <c r="M172" s="14"/>
      <c r="N172" s="14"/>
      <c r="O172" s="14"/>
      <c r="P172" s="14"/>
      <c r="Q172" s="14"/>
      <c r="R172" s="14"/>
      <c r="S172" s="14"/>
      <c r="T172" s="14"/>
      <c r="U172" s="14"/>
      <c r="V172" s="14"/>
      <c r="W172" s="14"/>
      <c r="X172" s="14"/>
      <c r="Y172" s="14"/>
      <c r="Z172" s="14"/>
      <c r="AA172" s="14"/>
      <c r="AB172" s="14"/>
    </row>
    <row r="173" spans="1:28" ht="29.1" customHeight="1">
      <c r="A173" s="14"/>
      <c r="B173" s="14"/>
      <c r="C173" s="14"/>
      <c r="D173" s="14"/>
      <c r="E173" s="14"/>
      <c r="F173" s="14"/>
      <c r="G173" s="14"/>
      <c r="H173" s="14"/>
      <c r="I173" s="14"/>
      <c r="J173" s="14"/>
      <c r="K173" s="14"/>
      <c r="L173" s="14"/>
      <c r="M173" s="14"/>
      <c r="N173" s="14"/>
      <c r="O173" s="14"/>
      <c r="P173" s="14"/>
      <c r="Q173" s="14"/>
      <c r="R173" s="14"/>
      <c r="S173" s="14"/>
      <c r="T173" s="14"/>
      <c r="U173" s="14"/>
      <c r="V173" s="14"/>
      <c r="W173" s="14"/>
      <c r="X173" s="14"/>
      <c r="Y173" s="14"/>
      <c r="Z173" s="14"/>
      <c r="AA173" s="14"/>
      <c r="AB173" s="14"/>
    </row>
    <row r="174" spans="1:28" ht="29.1" customHeight="1">
      <c r="A174" s="14"/>
      <c r="B174" s="14"/>
      <c r="C174" s="14"/>
      <c r="D174" s="14"/>
      <c r="E174" s="14"/>
      <c r="F174" s="14"/>
      <c r="G174" s="14"/>
      <c r="H174" s="14"/>
      <c r="I174" s="14"/>
      <c r="J174" s="14"/>
      <c r="K174" s="14"/>
      <c r="L174" s="14"/>
      <c r="M174" s="14"/>
      <c r="N174" s="14"/>
      <c r="O174" s="14"/>
      <c r="P174" s="14"/>
      <c r="Q174" s="14"/>
      <c r="R174" s="14"/>
      <c r="S174" s="14"/>
      <c r="T174" s="14"/>
      <c r="U174" s="14"/>
      <c r="V174" s="14"/>
      <c r="W174" s="14"/>
      <c r="X174" s="14"/>
      <c r="Y174" s="14"/>
      <c r="Z174" s="14"/>
      <c r="AA174" s="14"/>
      <c r="AB174" s="14"/>
    </row>
    <row r="175" spans="1:28" ht="29.1" customHeight="1">
      <c r="A175" s="14"/>
      <c r="B175" s="14"/>
      <c r="C175" s="14"/>
      <c r="D175" s="14"/>
      <c r="E175" s="14"/>
      <c r="F175" s="14"/>
      <c r="G175" s="14"/>
      <c r="H175" s="14"/>
      <c r="I175" s="14"/>
      <c r="J175" s="14"/>
      <c r="K175" s="14"/>
      <c r="L175" s="14"/>
      <c r="M175" s="14"/>
      <c r="N175" s="14"/>
      <c r="O175" s="14"/>
      <c r="P175" s="14"/>
      <c r="Q175" s="14"/>
      <c r="R175" s="14"/>
      <c r="S175" s="14"/>
      <c r="T175" s="14"/>
      <c r="U175" s="14"/>
      <c r="V175" s="14"/>
      <c r="W175" s="14"/>
      <c r="X175" s="14"/>
      <c r="Y175" s="14"/>
      <c r="Z175" s="14"/>
      <c r="AA175" s="14"/>
      <c r="AB175" s="14"/>
    </row>
    <row r="176" spans="1:28" ht="29.1" customHeight="1">
      <c r="A176" s="14"/>
      <c r="B176" s="14"/>
      <c r="C176" s="14"/>
      <c r="D176" s="14"/>
      <c r="E176" s="14"/>
      <c r="F176" s="14"/>
      <c r="G176" s="14"/>
      <c r="H176" s="14"/>
      <c r="I176" s="14"/>
      <c r="J176" s="14"/>
      <c r="K176" s="14"/>
      <c r="L176" s="14"/>
      <c r="M176" s="14"/>
      <c r="N176" s="14"/>
      <c r="O176" s="14"/>
      <c r="P176" s="14"/>
      <c r="Q176" s="14"/>
      <c r="R176" s="14"/>
      <c r="S176" s="14"/>
      <c r="T176" s="14"/>
      <c r="U176" s="14"/>
      <c r="V176" s="14"/>
      <c r="W176" s="14"/>
      <c r="X176" s="14"/>
      <c r="Y176" s="14"/>
      <c r="Z176" s="14"/>
      <c r="AA176" s="14"/>
      <c r="AB176" s="14"/>
    </row>
    <row r="177" spans="1:28" ht="29.1" customHeight="1">
      <c r="A177" s="14"/>
      <c r="B177" s="14"/>
      <c r="C177" s="14"/>
      <c r="D177" s="14"/>
      <c r="E177" s="14"/>
      <c r="F177" s="14"/>
      <c r="G177" s="14"/>
      <c r="H177" s="14"/>
      <c r="I177" s="14"/>
      <c r="J177" s="14"/>
      <c r="K177" s="14"/>
      <c r="L177" s="14"/>
      <c r="M177" s="14"/>
      <c r="N177" s="14"/>
      <c r="O177" s="14"/>
      <c r="P177" s="14"/>
      <c r="Q177" s="14"/>
      <c r="R177" s="14"/>
      <c r="S177" s="14"/>
      <c r="T177" s="14"/>
      <c r="U177" s="14"/>
      <c r="V177" s="14"/>
      <c r="W177" s="14"/>
      <c r="X177" s="14"/>
      <c r="Y177" s="14"/>
      <c r="Z177" s="14"/>
      <c r="AA177" s="14"/>
      <c r="AB177" s="14"/>
    </row>
    <row r="178" spans="1:28" ht="29.1" customHeight="1">
      <c r="A178" s="14"/>
      <c r="B178" s="14"/>
      <c r="C178" s="14"/>
      <c r="D178" s="14"/>
      <c r="E178" s="14"/>
      <c r="F178" s="14"/>
      <c r="G178" s="14"/>
      <c r="H178" s="14"/>
      <c r="I178" s="14"/>
      <c r="J178" s="14"/>
      <c r="K178" s="14"/>
      <c r="L178" s="14"/>
      <c r="M178" s="14"/>
      <c r="N178" s="14"/>
      <c r="O178" s="14"/>
      <c r="P178" s="14"/>
      <c r="Q178" s="14"/>
      <c r="R178" s="14"/>
      <c r="S178" s="14"/>
      <c r="T178" s="14"/>
      <c r="U178" s="14"/>
      <c r="V178" s="14"/>
      <c r="W178" s="14"/>
      <c r="X178" s="14"/>
      <c r="Y178" s="14"/>
      <c r="Z178" s="14"/>
      <c r="AA178" s="14"/>
      <c r="AB178" s="14"/>
    </row>
    <row r="179" spans="1:28" ht="29.1" customHeight="1">
      <c r="A179" s="14"/>
      <c r="B179" s="14"/>
      <c r="C179" s="14"/>
      <c r="D179" s="14"/>
      <c r="E179" s="14"/>
      <c r="F179" s="14"/>
      <c r="G179" s="14"/>
      <c r="H179" s="14"/>
      <c r="I179" s="14"/>
      <c r="J179" s="14"/>
      <c r="K179" s="14"/>
      <c r="L179" s="14"/>
      <c r="M179" s="14"/>
      <c r="N179" s="14"/>
      <c r="O179" s="14"/>
      <c r="P179" s="14"/>
      <c r="Q179" s="14"/>
      <c r="R179" s="14"/>
      <c r="S179" s="14"/>
      <c r="T179" s="14"/>
      <c r="U179" s="14"/>
      <c r="V179" s="14"/>
      <c r="W179" s="14"/>
      <c r="X179" s="14"/>
      <c r="Y179" s="14"/>
      <c r="Z179" s="14"/>
      <c r="AA179" s="14"/>
      <c r="AB179" s="14"/>
    </row>
    <row r="180" spans="1:28" ht="29.1" customHeight="1">
      <c r="A180" s="14"/>
      <c r="B180" s="14"/>
      <c r="C180" s="14"/>
      <c r="D180" s="14"/>
      <c r="E180" s="14"/>
      <c r="F180" s="14"/>
      <c r="G180" s="14"/>
      <c r="H180" s="14"/>
      <c r="I180" s="14"/>
      <c r="J180" s="14"/>
      <c r="K180" s="14"/>
      <c r="L180" s="14"/>
      <c r="M180" s="14"/>
      <c r="N180" s="14"/>
      <c r="O180" s="14"/>
      <c r="P180" s="14"/>
      <c r="Q180" s="14"/>
      <c r="R180" s="14"/>
      <c r="S180" s="14"/>
      <c r="T180" s="14"/>
      <c r="U180" s="14"/>
      <c r="V180" s="14"/>
      <c r="W180" s="14"/>
      <c r="X180" s="14"/>
      <c r="Y180" s="14"/>
      <c r="Z180" s="14"/>
      <c r="AA180" s="14"/>
      <c r="AB180" s="14"/>
    </row>
    <row r="181" spans="1:28" ht="29.1" customHeight="1">
      <c r="A181" s="14"/>
      <c r="B181" s="14"/>
      <c r="C181" s="14"/>
      <c r="D181" s="14"/>
      <c r="E181" s="14"/>
      <c r="F181" s="14"/>
      <c r="G181" s="14"/>
      <c r="H181" s="14"/>
      <c r="I181" s="14"/>
      <c r="J181" s="14"/>
      <c r="K181" s="14"/>
      <c r="L181" s="14"/>
      <c r="M181" s="14"/>
      <c r="N181" s="14"/>
      <c r="O181" s="14"/>
      <c r="P181" s="14"/>
      <c r="Q181" s="14"/>
      <c r="R181" s="14"/>
      <c r="S181" s="14"/>
      <c r="T181" s="14"/>
      <c r="U181" s="14"/>
      <c r="V181" s="14"/>
      <c r="W181" s="14"/>
      <c r="X181" s="14"/>
      <c r="Y181" s="14"/>
      <c r="Z181" s="14"/>
      <c r="AA181" s="14"/>
      <c r="AB181" s="14"/>
    </row>
    <row r="182" spans="1:28" ht="29.1" customHeight="1">
      <c r="A182" s="14"/>
      <c r="B182" s="14"/>
      <c r="C182" s="14"/>
      <c r="D182" s="14"/>
      <c r="E182" s="14"/>
      <c r="F182" s="14"/>
      <c r="G182" s="14"/>
      <c r="H182" s="14"/>
      <c r="I182" s="14"/>
      <c r="J182" s="14"/>
      <c r="K182" s="14"/>
      <c r="L182" s="14"/>
      <c r="M182" s="14"/>
      <c r="N182" s="14"/>
      <c r="O182" s="14"/>
      <c r="P182" s="14"/>
      <c r="Q182" s="14"/>
      <c r="R182" s="14"/>
      <c r="S182" s="14"/>
      <c r="T182" s="14"/>
      <c r="U182" s="14"/>
      <c r="V182" s="14"/>
      <c r="W182" s="14"/>
      <c r="X182" s="14"/>
      <c r="Y182" s="14"/>
      <c r="Z182" s="14"/>
      <c r="AA182" s="14"/>
      <c r="AB182" s="14"/>
    </row>
    <row r="183" spans="1:28" ht="29.1" customHeight="1">
      <c r="A183" s="14"/>
      <c r="B183" s="14"/>
      <c r="C183" s="14"/>
      <c r="D183" s="14"/>
      <c r="E183" s="14"/>
      <c r="F183" s="14"/>
      <c r="G183" s="14"/>
      <c r="H183" s="14"/>
      <c r="I183" s="14"/>
      <c r="J183" s="14"/>
      <c r="K183" s="14"/>
      <c r="L183" s="14"/>
      <c r="M183" s="14"/>
      <c r="N183" s="14"/>
      <c r="O183" s="14"/>
      <c r="P183" s="14"/>
      <c r="Q183" s="14"/>
      <c r="R183" s="14"/>
      <c r="S183" s="14"/>
      <c r="T183" s="14"/>
      <c r="U183" s="14"/>
      <c r="V183" s="14"/>
      <c r="W183" s="14"/>
      <c r="X183" s="14"/>
      <c r="Y183" s="14"/>
      <c r="Z183" s="14"/>
      <c r="AA183" s="14"/>
      <c r="AB183" s="14"/>
    </row>
    <row r="184" spans="1:28" ht="29.1" customHeight="1">
      <c r="A184" s="14"/>
      <c r="B184" s="14"/>
      <c r="C184" s="14"/>
      <c r="D184" s="14"/>
      <c r="E184" s="14"/>
      <c r="F184" s="14"/>
      <c r="G184" s="14"/>
      <c r="H184" s="14"/>
      <c r="I184" s="14"/>
      <c r="J184" s="14"/>
      <c r="K184" s="14"/>
      <c r="L184" s="14"/>
      <c r="M184" s="14"/>
      <c r="N184" s="14"/>
      <c r="O184" s="14"/>
      <c r="P184" s="14"/>
      <c r="Q184" s="14"/>
      <c r="R184" s="14"/>
      <c r="S184" s="14"/>
      <c r="T184" s="14"/>
      <c r="U184" s="14"/>
      <c r="V184" s="14"/>
      <c r="W184" s="14"/>
      <c r="X184" s="14"/>
      <c r="Y184" s="14"/>
      <c r="Z184" s="14"/>
      <c r="AA184" s="14"/>
      <c r="AB184" s="14"/>
    </row>
    <row r="185" spans="1:28" ht="29.1" customHeight="1">
      <c r="A185" s="14"/>
      <c r="B185" s="14"/>
      <c r="C185" s="14"/>
      <c r="D185" s="14"/>
      <c r="E185" s="14"/>
      <c r="F185" s="14"/>
      <c r="G185" s="14"/>
      <c r="H185" s="14"/>
      <c r="I185" s="14"/>
      <c r="J185" s="14"/>
      <c r="K185" s="14"/>
      <c r="L185" s="14"/>
      <c r="M185" s="14"/>
      <c r="N185" s="14"/>
      <c r="O185" s="14"/>
      <c r="P185" s="14"/>
      <c r="Q185" s="14"/>
      <c r="R185" s="14"/>
      <c r="S185" s="14"/>
      <c r="T185" s="14"/>
      <c r="U185" s="14"/>
      <c r="V185" s="14"/>
      <c r="W185" s="14"/>
      <c r="X185" s="14"/>
      <c r="Y185" s="14"/>
      <c r="Z185" s="14"/>
      <c r="AA185" s="14"/>
      <c r="AB185" s="14"/>
    </row>
    <row r="186" spans="1:28" ht="29.1" customHeight="1">
      <c r="A186" s="14"/>
      <c r="B186" s="14"/>
      <c r="C186" s="14"/>
      <c r="D186" s="14"/>
      <c r="E186" s="14"/>
      <c r="F186" s="14"/>
      <c r="G186" s="14"/>
      <c r="H186" s="14"/>
      <c r="I186" s="14"/>
      <c r="J186" s="14"/>
      <c r="K186" s="14"/>
      <c r="L186" s="14"/>
      <c r="M186" s="14"/>
      <c r="N186" s="14"/>
      <c r="O186" s="14"/>
      <c r="P186" s="14"/>
      <c r="Q186" s="14"/>
      <c r="R186" s="14"/>
      <c r="S186" s="14"/>
      <c r="T186" s="14"/>
      <c r="U186" s="14"/>
      <c r="V186" s="14"/>
      <c r="W186" s="14"/>
      <c r="X186" s="14"/>
      <c r="Y186" s="14"/>
      <c r="Z186" s="14"/>
      <c r="AA186" s="14"/>
      <c r="AB186" s="14"/>
    </row>
    <row r="187" spans="1:28" ht="29.1" customHeight="1">
      <c r="A187" s="14"/>
      <c r="B187" s="14"/>
      <c r="C187" s="14"/>
      <c r="D187" s="14"/>
      <c r="E187" s="14"/>
      <c r="F187" s="14"/>
      <c r="G187" s="14"/>
      <c r="H187" s="14"/>
      <c r="I187" s="14"/>
      <c r="J187" s="14"/>
      <c r="K187" s="14"/>
      <c r="L187" s="14"/>
      <c r="M187" s="14"/>
      <c r="N187" s="14"/>
      <c r="O187" s="14"/>
      <c r="P187" s="14"/>
      <c r="Q187" s="14"/>
      <c r="R187" s="14"/>
      <c r="S187" s="14"/>
      <c r="T187" s="14"/>
      <c r="U187" s="14"/>
      <c r="V187" s="14"/>
      <c r="W187" s="14"/>
      <c r="X187" s="14"/>
      <c r="Y187" s="14"/>
      <c r="Z187" s="14"/>
      <c r="AA187" s="14"/>
      <c r="AB187" s="14"/>
    </row>
    <row r="188" spans="1:28" ht="29.1" customHeight="1">
      <c r="A188" s="14"/>
      <c r="B188" s="14"/>
      <c r="C188" s="14"/>
      <c r="D188" s="14"/>
      <c r="E188" s="14"/>
      <c r="F188" s="14"/>
      <c r="G188" s="14"/>
      <c r="H188" s="14"/>
      <c r="I188" s="14"/>
      <c r="J188" s="14"/>
      <c r="K188" s="14"/>
      <c r="L188" s="14"/>
      <c r="M188" s="14"/>
      <c r="N188" s="14"/>
      <c r="O188" s="14"/>
      <c r="P188" s="14"/>
      <c r="Q188" s="14"/>
      <c r="R188" s="14"/>
      <c r="S188" s="14"/>
      <c r="T188" s="14"/>
      <c r="U188" s="14"/>
      <c r="V188" s="14"/>
      <c r="W188" s="14"/>
      <c r="X188" s="14"/>
      <c r="Y188" s="14"/>
      <c r="Z188" s="14"/>
      <c r="AA188" s="14"/>
      <c r="AB188" s="14"/>
    </row>
    <row r="189" spans="1:28" ht="29.1" customHeight="1">
      <c r="A189" s="14"/>
      <c r="B189" s="14"/>
      <c r="C189" s="14"/>
      <c r="D189" s="14"/>
      <c r="E189" s="14"/>
      <c r="F189" s="14"/>
      <c r="G189" s="14"/>
      <c r="H189" s="14"/>
      <c r="I189" s="14"/>
      <c r="J189" s="14"/>
      <c r="K189" s="14"/>
      <c r="L189" s="14"/>
      <c r="M189" s="14"/>
      <c r="N189" s="14"/>
      <c r="O189" s="14"/>
      <c r="P189" s="14"/>
      <c r="Q189" s="14"/>
      <c r="R189" s="14"/>
      <c r="S189" s="14"/>
      <c r="T189" s="14"/>
      <c r="U189" s="14"/>
      <c r="V189" s="14"/>
      <c r="W189" s="14"/>
      <c r="X189" s="14"/>
      <c r="Y189" s="14"/>
      <c r="Z189" s="14"/>
      <c r="AA189" s="14"/>
      <c r="AB189" s="14"/>
    </row>
    <row r="190" spans="1:28" ht="29.1" customHeight="1">
      <c r="A190" s="14"/>
      <c r="B190" s="14"/>
      <c r="C190" s="14"/>
      <c r="D190" s="14"/>
      <c r="E190" s="14"/>
      <c r="F190" s="14"/>
      <c r="G190" s="14"/>
      <c r="H190" s="14"/>
      <c r="I190" s="14"/>
      <c r="J190" s="14"/>
      <c r="K190" s="14"/>
      <c r="L190" s="14"/>
      <c r="M190" s="14"/>
      <c r="N190" s="14"/>
      <c r="O190" s="14"/>
      <c r="P190" s="14"/>
      <c r="Q190" s="14"/>
      <c r="R190" s="14"/>
      <c r="S190" s="14"/>
      <c r="T190" s="14"/>
      <c r="U190" s="14"/>
      <c r="V190" s="14"/>
      <c r="W190" s="14"/>
      <c r="X190" s="14"/>
      <c r="Y190" s="14"/>
      <c r="Z190" s="14"/>
      <c r="AA190" s="14"/>
      <c r="AB190" s="14"/>
    </row>
    <row r="191" spans="1:28" ht="29.1" customHeight="1">
      <c r="A191" s="14"/>
      <c r="B191" s="14"/>
      <c r="C191" s="14"/>
      <c r="D191" s="14"/>
      <c r="E191" s="14"/>
      <c r="F191" s="14"/>
      <c r="G191" s="14"/>
      <c r="H191" s="14"/>
      <c r="I191" s="14"/>
      <c r="J191" s="14"/>
      <c r="K191" s="14"/>
      <c r="L191" s="14"/>
      <c r="M191" s="14"/>
      <c r="N191" s="14"/>
      <c r="O191" s="14"/>
      <c r="P191" s="14"/>
      <c r="Q191" s="14"/>
      <c r="R191" s="14"/>
      <c r="S191" s="14"/>
      <c r="T191" s="14"/>
      <c r="U191" s="14"/>
      <c r="V191" s="14"/>
      <c r="W191" s="14"/>
      <c r="X191" s="14"/>
      <c r="Y191" s="14"/>
      <c r="Z191" s="14"/>
      <c r="AA191" s="14"/>
      <c r="AB191" s="14"/>
    </row>
    <row r="192" spans="1:28" ht="29.1" customHeight="1">
      <c r="A192" s="14"/>
      <c r="B192" s="14"/>
      <c r="C192" s="14"/>
      <c r="D192" s="14"/>
      <c r="E192" s="14"/>
      <c r="F192" s="14"/>
      <c r="G192" s="14"/>
      <c r="H192" s="14"/>
      <c r="I192" s="14"/>
      <c r="J192" s="14"/>
      <c r="K192" s="14"/>
      <c r="L192" s="14"/>
      <c r="M192" s="14"/>
      <c r="N192" s="14"/>
      <c r="O192" s="14"/>
      <c r="P192" s="14"/>
      <c r="Q192" s="14"/>
      <c r="R192" s="14"/>
      <c r="S192" s="14"/>
      <c r="T192" s="14"/>
      <c r="U192" s="14"/>
      <c r="V192" s="14"/>
      <c r="W192" s="14"/>
      <c r="X192" s="14"/>
      <c r="Y192" s="14"/>
      <c r="Z192" s="14"/>
      <c r="AA192" s="14"/>
      <c r="AB192" s="14"/>
    </row>
    <row r="193" spans="1:28" ht="29.1" customHeight="1">
      <c r="A193" s="14"/>
      <c r="B193" s="14"/>
      <c r="C193" s="14"/>
      <c r="D193" s="14"/>
      <c r="E193" s="14"/>
      <c r="F193" s="14"/>
      <c r="G193" s="14"/>
      <c r="H193" s="14"/>
      <c r="I193" s="14"/>
      <c r="J193" s="14"/>
      <c r="K193" s="14"/>
      <c r="L193" s="14"/>
      <c r="M193" s="14"/>
      <c r="N193" s="14"/>
      <c r="O193" s="14"/>
      <c r="P193" s="14"/>
      <c r="Q193" s="14"/>
      <c r="R193" s="14"/>
      <c r="S193" s="14"/>
      <c r="T193" s="14"/>
      <c r="U193" s="14"/>
      <c r="V193" s="14"/>
      <c r="W193" s="14"/>
      <c r="X193" s="14"/>
      <c r="Y193" s="14"/>
      <c r="Z193" s="14"/>
      <c r="AA193" s="14"/>
      <c r="AB193" s="14"/>
    </row>
    <row r="194" spans="1:28" ht="29.1" customHeight="1">
      <c r="A194" s="14"/>
      <c r="B194" s="14"/>
      <c r="C194" s="14"/>
      <c r="D194" s="14"/>
      <c r="E194" s="14"/>
      <c r="F194" s="14"/>
      <c r="G194" s="14"/>
      <c r="H194" s="14"/>
      <c r="I194" s="14"/>
      <c r="J194" s="14"/>
      <c r="K194" s="14"/>
      <c r="L194" s="14"/>
      <c r="M194" s="14"/>
      <c r="N194" s="14"/>
      <c r="O194" s="14"/>
      <c r="P194" s="14"/>
      <c r="Q194" s="14"/>
      <c r="R194" s="14"/>
      <c r="S194" s="14"/>
      <c r="T194" s="14"/>
      <c r="U194" s="14"/>
      <c r="V194" s="14"/>
      <c r="W194" s="14"/>
      <c r="X194" s="14"/>
      <c r="Y194" s="14"/>
      <c r="Z194" s="14"/>
      <c r="AA194" s="14"/>
      <c r="AB194" s="14"/>
    </row>
    <row r="195" spans="1:28" ht="29.1" customHeight="1">
      <c r="A195" s="14"/>
      <c r="B195" s="14"/>
      <c r="C195" s="14"/>
      <c r="D195" s="14"/>
      <c r="E195" s="14"/>
      <c r="F195" s="14"/>
      <c r="G195" s="14"/>
      <c r="H195" s="14"/>
      <c r="I195" s="14"/>
      <c r="J195" s="14"/>
      <c r="K195" s="14"/>
      <c r="L195" s="14"/>
      <c r="M195" s="14"/>
      <c r="N195" s="14"/>
      <c r="O195" s="14"/>
      <c r="P195" s="14"/>
      <c r="Q195" s="14"/>
      <c r="R195" s="14"/>
      <c r="S195" s="14"/>
      <c r="T195" s="14"/>
      <c r="U195" s="14"/>
      <c r="V195" s="14"/>
      <c r="W195" s="14"/>
      <c r="X195" s="14"/>
      <c r="Y195" s="14"/>
      <c r="Z195" s="14"/>
      <c r="AA195" s="14"/>
      <c r="AB195" s="14"/>
    </row>
    <row r="196" spans="1:28" ht="29.1" customHeight="1">
      <c r="A196" s="14"/>
      <c r="B196" s="14"/>
      <c r="C196" s="14"/>
      <c r="D196" s="14"/>
      <c r="E196" s="14"/>
      <c r="F196" s="14"/>
      <c r="G196" s="14"/>
      <c r="H196" s="14"/>
      <c r="I196" s="14"/>
      <c r="J196" s="14"/>
      <c r="K196" s="14"/>
      <c r="L196" s="14"/>
      <c r="M196" s="14"/>
      <c r="N196" s="14"/>
      <c r="O196" s="14"/>
      <c r="P196" s="14"/>
      <c r="Q196" s="14"/>
      <c r="R196" s="14"/>
      <c r="S196" s="14"/>
      <c r="T196" s="14"/>
      <c r="U196" s="14"/>
      <c r="V196" s="14"/>
      <c r="W196" s="14"/>
      <c r="X196" s="14"/>
      <c r="Y196" s="14"/>
      <c r="Z196" s="14"/>
      <c r="AA196" s="14"/>
      <c r="AB196" s="14"/>
    </row>
    <row r="197" spans="1:28" ht="29.1" customHeight="1">
      <c r="A197" s="14"/>
      <c r="B197" s="14"/>
      <c r="C197" s="14"/>
      <c r="D197" s="14"/>
      <c r="E197" s="14"/>
      <c r="F197" s="14"/>
      <c r="G197" s="14"/>
      <c r="H197" s="14"/>
      <c r="I197" s="14"/>
      <c r="J197" s="14"/>
      <c r="K197" s="14"/>
      <c r="L197" s="14"/>
      <c r="M197" s="14"/>
      <c r="N197" s="14"/>
      <c r="O197" s="14"/>
      <c r="P197" s="14"/>
      <c r="Q197" s="14"/>
      <c r="R197" s="14"/>
      <c r="S197" s="14"/>
      <c r="T197" s="14"/>
      <c r="U197" s="14"/>
      <c r="V197" s="14"/>
      <c r="W197" s="14"/>
      <c r="X197" s="14"/>
      <c r="Y197" s="14"/>
      <c r="Z197" s="14"/>
      <c r="AA197" s="14"/>
      <c r="AB197" s="14"/>
    </row>
    <row r="198" spans="1:28" ht="29.1" customHeight="1">
      <c r="A198" s="14"/>
      <c r="B198" s="14"/>
      <c r="C198" s="14"/>
      <c r="D198" s="14"/>
      <c r="E198" s="14"/>
      <c r="F198" s="14"/>
      <c r="G198" s="14"/>
      <c r="H198" s="14"/>
      <c r="I198" s="14"/>
      <c r="J198" s="14"/>
      <c r="K198" s="14"/>
      <c r="L198" s="14"/>
      <c r="M198" s="14"/>
      <c r="N198" s="14"/>
      <c r="O198" s="14"/>
      <c r="P198" s="14"/>
      <c r="Q198" s="14"/>
      <c r="R198" s="14"/>
      <c r="S198" s="14"/>
      <c r="T198" s="14"/>
      <c r="U198" s="14"/>
      <c r="V198" s="14"/>
      <c r="W198" s="14"/>
      <c r="X198" s="14"/>
      <c r="Y198" s="14"/>
      <c r="Z198" s="14"/>
      <c r="AA198" s="14"/>
      <c r="AB198" s="14"/>
    </row>
    <row r="199" spans="1:28" ht="29.1" customHeight="1">
      <c r="A199" s="14"/>
      <c r="B199" s="14"/>
      <c r="C199" s="14"/>
      <c r="D199" s="14"/>
      <c r="E199" s="14"/>
      <c r="F199" s="14"/>
      <c r="G199" s="14"/>
      <c r="H199" s="14"/>
      <c r="I199" s="14"/>
      <c r="J199" s="14"/>
      <c r="K199" s="14"/>
      <c r="L199" s="14"/>
      <c r="M199" s="14"/>
      <c r="N199" s="14"/>
      <c r="O199" s="14"/>
      <c r="P199" s="14"/>
      <c r="Q199" s="14"/>
      <c r="R199" s="14"/>
      <c r="S199" s="14"/>
      <c r="T199" s="14"/>
      <c r="U199" s="14"/>
      <c r="V199" s="14"/>
      <c r="W199" s="14"/>
      <c r="X199" s="14"/>
      <c r="Y199" s="14"/>
      <c r="Z199" s="14"/>
      <c r="AA199" s="14"/>
      <c r="AB199" s="14"/>
    </row>
    <row r="200" spans="1:28" ht="29.1" customHeight="1">
      <c r="A200" s="14"/>
      <c r="B200" s="14"/>
      <c r="C200" s="14"/>
      <c r="D200" s="14"/>
      <c r="E200" s="14"/>
      <c r="F200" s="14"/>
      <c r="G200" s="14"/>
      <c r="H200" s="14"/>
      <c r="I200" s="14"/>
      <c r="J200" s="14"/>
      <c r="K200" s="14"/>
      <c r="L200" s="14"/>
      <c r="M200" s="14"/>
      <c r="N200" s="14"/>
      <c r="O200" s="14"/>
      <c r="P200" s="14"/>
      <c r="Q200" s="14"/>
      <c r="R200" s="14"/>
      <c r="S200" s="14"/>
      <c r="T200" s="14"/>
      <c r="U200" s="14"/>
      <c r="V200" s="14"/>
      <c r="W200" s="14"/>
      <c r="X200" s="14"/>
      <c r="Y200" s="14"/>
      <c r="Z200" s="14"/>
      <c r="AA200" s="14"/>
      <c r="AB200" s="14"/>
    </row>
    <row r="201" spans="1:28" ht="29.1" customHeight="1">
      <c r="A201" s="14"/>
      <c r="B201" s="14"/>
      <c r="C201" s="14"/>
      <c r="D201" s="14"/>
      <c r="E201" s="14"/>
      <c r="F201" s="14"/>
      <c r="G201" s="14"/>
      <c r="H201" s="14"/>
      <c r="I201" s="14"/>
      <c r="J201" s="14"/>
      <c r="K201" s="14"/>
      <c r="L201" s="14"/>
      <c r="M201" s="14"/>
      <c r="N201" s="14"/>
      <c r="O201" s="14"/>
      <c r="P201" s="14"/>
      <c r="Q201" s="14"/>
      <c r="R201" s="14"/>
      <c r="S201" s="14"/>
      <c r="T201" s="14"/>
      <c r="U201" s="14"/>
      <c r="V201" s="14"/>
      <c r="W201" s="14"/>
      <c r="X201" s="14"/>
      <c r="Y201" s="14"/>
      <c r="Z201" s="14"/>
      <c r="AA201" s="14"/>
      <c r="AB201" s="14"/>
    </row>
    <row r="202" spans="1:28" ht="29.1" customHeight="1">
      <c r="A202" s="14"/>
      <c r="B202" s="14"/>
      <c r="C202" s="14"/>
      <c r="D202" s="14"/>
      <c r="E202" s="14"/>
      <c r="F202" s="14"/>
      <c r="G202" s="14"/>
      <c r="H202" s="14"/>
      <c r="I202" s="14"/>
      <c r="J202" s="14"/>
      <c r="K202" s="14"/>
      <c r="L202" s="14"/>
      <c r="M202" s="14"/>
      <c r="N202" s="14"/>
      <c r="O202" s="14"/>
      <c r="P202" s="14"/>
      <c r="Q202" s="14"/>
      <c r="R202" s="14"/>
      <c r="S202" s="14"/>
      <c r="T202" s="14"/>
      <c r="U202" s="14"/>
      <c r="V202" s="14"/>
      <c r="W202" s="14"/>
      <c r="X202" s="14"/>
      <c r="Y202" s="14"/>
      <c r="Z202" s="14"/>
      <c r="AA202" s="14"/>
      <c r="AB202" s="14"/>
    </row>
    <row r="203" spans="1:28" ht="29.1" customHeight="1">
      <c r="A203" s="14"/>
      <c r="B203" s="14"/>
      <c r="C203" s="14"/>
      <c r="D203" s="14"/>
      <c r="E203" s="14"/>
      <c r="F203" s="14"/>
      <c r="G203" s="14"/>
      <c r="H203" s="14"/>
      <c r="I203" s="14"/>
      <c r="J203" s="14"/>
      <c r="K203" s="14"/>
      <c r="L203" s="14"/>
      <c r="M203" s="14"/>
      <c r="N203" s="14"/>
      <c r="O203" s="14"/>
      <c r="P203" s="14"/>
      <c r="Q203" s="14"/>
      <c r="R203" s="14"/>
      <c r="S203" s="14"/>
      <c r="T203" s="14"/>
      <c r="U203" s="14"/>
      <c r="V203" s="14"/>
      <c r="W203" s="14"/>
      <c r="X203" s="14"/>
      <c r="Y203" s="14"/>
      <c r="Z203" s="14"/>
      <c r="AA203" s="14"/>
      <c r="AB203" s="14"/>
    </row>
    <row r="204" spans="1:28" ht="29.1" customHeight="1">
      <c r="A204" s="14"/>
      <c r="B204" s="14"/>
      <c r="C204" s="14"/>
      <c r="D204" s="14"/>
      <c r="E204" s="14"/>
      <c r="F204" s="14"/>
      <c r="G204" s="14"/>
      <c r="H204" s="14"/>
      <c r="I204" s="14"/>
      <c r="J204" s="14"/>
      <c r="K204" s="14"/>
      <c r="L204" s="14"/>
      <c r="M204" s="14"/>
      <c r="N204" s="14"/>
      <c r="O204" s="14"/>
      <c r="P204" s="14"/>
      <c r="Q204" s="14"/>
      <c r="R204" s="14"/>
      <c r="S204" s="14"/>
      <c r="T204" s="14"/>
      <c r="U204" s="14"/>
      <c r="V204" s="14"/>
      <c r="W204" s="14"/>
      <c r="X204" s="14"/>
      <c r="Y204" s="14"/>
      <c r="Z204" s="14"/>
      <c r="AA204" s="14"/>
      <c r="AB204" s="14"/>
    </row>
    <row r="205" spans="1:28" ht="29.1" customHeight="1">
      <c r="A205" s="14"/>
      <c r="B205" s="14"/>
      <c r="C205" s="14"/>
      <c r="D205" s="14"/>
      <c r="E205" s="14"/>
      <c r="F205" s="14"/>
      <c r="G205" s="14"/>
      <c r="H205" s="14"/>
      <c r="I205" s="14"/>
      <c r="J205" s="14"/>
      <c r="K205" s="14"/>
      <c r="L205" s="14"/>
      <c r="M205" s="14"/>
      <c r="N205" s="14"/>
      <c r="O205" s="14"/>
      <c r="P205" s="14"/>
      <c r="Q205" s="14"/>
      <c r="R205" s="14"/>
      <c r="S205" s="14"/>
      <c r="T205" s="14"/>
      <c r="U205" s="14"/>
      <c r="V205" s="14"/>
      <c r="W205" s="14"/>
      <c r="X205" s="14"/>
      <c r="Y205" s="14"/>
      <c r="Z205" s="14"/>
      <c r="AA205" s="14"/>
      <c r="AB205" s="14"/>
    </row>
    <row r="206" spans="1:28" ht="29.1" customHeight="1">
      <c r="A206" s="14"/>
      <c r="B206" s="14"/>
      <c r="C206" s="14"/>
      <c r="D206" s="14"/>
      <c r="E206" s="14"/>
      <c r="F206" s="14"/>
      <c r="G206" s="14"/>
      <c r="H206" s="14"/>
      <c r="I206" s="14"/>
      <c r="J206" s="14"/>
      <c r="K206" s="14"/>
      <c r="L206" s="14"/>
      <c r="M206" s="14"/>
      <c r="N206" s="14"/>
      <c r="O206" s="14"/>
      <c r="P206" s="14"/>
      <c r="Q206" s="14"/>
      <c r="R206" s="14"/>
      <c r="S206" s="14"/>
      <c r="T206" s="14"/>
      <c r="U206" s="14"/>
      <c r="V206" s="14"/>
      <c r="W206" s="14"/>
      <c r="X206" s="14"/>
      <c r="Y206" s="14"/>
      <c r="Z206" s="14"/>
      <c r="AA206" s="14"/>
      <c r="AB206" s="14"/>
    </row>
    <row r="207" spans="1:28" ht="29.1" customHeight="1">
      <c r="A207" s="14"/>
      <c r="B207" s="14"/>
      <c r="C207" s="14"/>
      <c r="D207" s="14"/>
      <c r="E207" s="14"/>
      <c r="F207" s="14"/>
      <c r="G207" s="14"/>
      <c r="H207" s="14"/>
      <c r="I207" s="14"/>
      <c r="J207" s="14"/>
      <c r="K207" s="14"/>
      <c r="L207" s="14"/>
      <c r="M207" s="14"/>
      <c r="N207" s="14"/>
      <c r="O207" s="14"/>
      <c r="P207" s="14"/>
      <c r="Q207" s="14"/>
      <c r="R207" s="14"/>
      <c r="S207" s="14"/>
      <c r="T207" s="14"/>
      <c r="U207" s="14"/>
      <c r="V207" s="14"/>
      <c r="W207" s="14"/>
      <c r="X207" s="14"/>
      <c r="Y207" s="14"/>
      <c r="Z207" s="14"/>
      <c r="AA207" s="14"/>
      <c r="AB207" s="14"/>
    </row>
    <row r="208" spans="1:28" ht="29.1" customHeight="1">
      <c r="A208" s="14"/>
      <c r="B208" s="14"/>
      <c r="C208" s="14"/>
      <c r="D208" s="14"/>
      <c r="E208" s="14"/>
      <c r="F208" s="14"/>
      <c r="G208" s="14"/>
      <c r="H208" s="14"/>
      <c r="I208" s="14"/>
      <c r="J208" s="14"/>
      <c r="K208" s="14"/>
      <c r="L208" s="14"/>
      <c r="M208" s="14"/>
      <c r="N208" s="14"/>
      <c r="O208" s="14"/>
      <c r="P208" s="14"/>
      <c r="Q208" s="14"/>
      <c r="R208" s="14"/>
      <c r="S208" s="14"/>
      <c r="T208" s="14"/>
      <c r="U208" s="14"/>
      <c r="V208" s="14"/>
      <c r="W208" s="14"/>
      <c r="X208" s="14"/>
      <c r="Y208" s="14"/>
      <c r="Z208" s="14"/>
      <c r="AA208" s="14"/>
      <c r="AB208" s="14"/>
    </row>
    <row r="209" spans="1:28" ht="29.1" customHeight="1">
      <c r="A209" s="14"/>
      <c r="B209" s="14"/>
      <c r="C209" s="14"/>
      <c r="D209" s="14"/>
      <c r="E209" s="14"/>
      <c r="F209" s="14"/>
      <c r="G209" s="14"/>
      <c r="H209" s="14"/>
      <c r="I209" s="14"/>
      <c r="J209" s="14"/>
      <c r="K209" s="14"/>
      <c r="L209" s="14"/>
      <c r="M209" s="14"/>
      <c r="N209" s="14"/>
      <c r="O209" s="14"/>
      <c r="P209" s="14"/>
      <c r="Q209" s="14"/>
      <c r="R209" s="14"/>
      <c r="S209" s="14"/>
      <c r="T209" s="14"/>
      <c r="U209" s="14"/>
      <c r="V209" s="14"/>
      <c r="W209" s="14"/>
      <c r="X209" s="14"/>
      <c r="Y209" s="14"/>
      <c r="Z209" s="14"/>
      <c r="AA209" s="14"/>
      <c r="AB209" s="14"/>
    </row>
    <row r="210" spans="1:28" ht="29.1" customHeight="1">
      <c r="A210" s="14"/>
      <c r="B210" s="14"/>
      <c r="C210" s="14"/>
      <c r="D210" s="14"/>
      <c r="E210" s="14"/>
      <c r="F210" s="14"/>
      <c r="G210" s="14"/>
      <c r="H210" s="14"/>
      <c r="I210" s="14"/>
      <c r="J210" s="14"/>
      <c r="K210" s="14"/>
      <c r="L210" s="14"/>
      <c r="M210" s="14"/>
      <c r="N210" s="14"/>
      <c r="O210" s="14"/>
      <c r="P210" s="14"/>
      <c r="Q210" s="14"/>
      <c r="R210" s="14"/>
      <c r="S210" s="14"/>
      <c r="T210" s="14"/>
      <c r="U210" s="14"/>
      <c r="V210" s="14"/>
      <c r="W210" s="14"/>
      <c r="X210" s="14"/>
      <c r="Y210" s="14"/>
      <c r="Z210" s="14"/>
      <c r="AA210" s="14"/>
      <c r="AB210" s="14"/>
    </row>
    <row r="211" spans="1:28" ht="29.1" customHeight="1">
      <c r="A211" s="14"/>
      <c r="B211" s="14"/>
      <c r="C211" s="14"/>
      <c r="D211" s="14"/>
      <c r="E211" s="14"/>
      <c r="F211" s="14"/>
      <c r="G211" s="14"/>
      <c r="H211" s="14"/>
      <c r="I211" s="14"/>
      <c r="J211" s="14"/>
      <c r="K211" s="14"/>
      <c r="L211" s="14"/>
      <c r="M211" s="14"/>
      <c r="N211" s="14"/>
      <c r="O211" s="14"/>
      <c r="P211" s="14"/>
      <c r="Q211" s="14"/>
      <c r="R211" s="14"/>
      <c r="S211" s="14"/>
      <c r="T211" s="14"/>
      <c r="U211" s="14"/>
      <c r="V211" s="14"/>
      <c r="W211" s="14"/>
      <c r="X211" s="14"/>
      <c r="Y211" s="14"/>
      <c r="Z211" s="14"/>
      <c r="AA211" s="14"/>
      <c r="AB211" s="14"/>
    </row>
    <row r="212" spans="1:28" ht="29.1" customHeight="1">
      <c r="A212" s="14"/>
      <c r="B212" s="14"/>
      <c r="C212" s="14"/>
      <c r="D212" s="14"/>
      <c r="E212" s="14"/>
      <c r="F212" s="14"/>
      <c r="G212" s="14"/>
      <c r="H212" s="14"/>
      <c r="I212" s="14"/>
      <c r="J212" s="14"/>
      <c r="K212" s="14"/>
      <c r="L212" s="14"/>
      <c r="M212" s="14"/>
      <c r="N212" s="14"/>
      <c r="O212" s="14"/>
      <c r="P212" s="14"/>
      <c r="Q212" s="14"/>
      <c r="R212" s="14"/>
      <c r="S212" s="14"/>
      <c r="T212" s="14"/>
      <c r="U212" s="14"/>
      <c r="V212" s="14"/>
      <c r="W212" s="14"/>
      <c r="X212" s="14"/>
      <c r="Y212" s="14"/>
      <c r="Z212" s="14"/>
      <c r="AA212" s="14"/>
      <c r="AB212" s="14"/>
    </row>
    <row r="213" spans="1:28" ht="29.1" customHeight="1">
      <c r="A213" s="14"/>
      <c r="B213" s="14"/>
      <c r="C213" s="14"/>
      <c r="D213" s="14"/>
      <c r="E213" s="14"/>
      <c r="F213" s="14"/>
      <c r="G213" s="14"/>
      <c r="H213" s="14"/>
      <c r="I213" s="14"/>
      <c r="J213" s="14"/>
      <c r="K213" s="14"/>
      <c r="L213" s="14"/>
      <c r="M213" s="14"/>
      <c r="N213" s="14"/>
      <c r="O213" s="14"/>
      <c r="P213" s="14"/>
      <c r="Q213" s="14"/>
      <c r="R213" s="14"/>
      <c r="S213" s="14"/>
      <c r="T213" s="14"/>
      <c r="U213" s="14"/>
      <c r="V213" s="14"/>
      <c r="W213" s="14"/>
      <c r="X213" s="14"/>
      <c r="Y213" s="14"/>
      <c r="Z213" s="14"/>
      <c r="AA213" s="14"/>
      <c r="AB213" s="14"/>
    </row>
    <row r="214" spans="1:28" ht="29.1" customHeight="1">
      <c r="A214" s="14"/>
      <c r="B214" s="14"/>
      <c r="C214" s="14"/>
      <c r="D214" s="14"/>
      <c r="E214" s="14"/>
      <c r="F214" s="14"/>
      <c r="G214" s="14"/>
      <c r="H214" s="14"/>
      <c r="I214" s="14"/>
      <c r="J214" s="14"/>
      <c r="K214" s="14"/>
      <c r="L214" s="14"/>
      <c r="M214" s="14"/>
      <c r="N214" s="14"/>
      <c r="O214" s="14"/>
      <c r="P214" s="14"/>
      <c r="Q214" s="14"/>
      <c r="R214" s="14"/>
      <c r="S214" s="14"/>
      <c r="T214" s="14"/>
      <c r="U214" s="14"/>
      <c r="V214" s="14"/>
      <c r="W214" s="14"/>
      <c r="X214" s="14"/>
      <c r="Y214" s="14"/>
      <c r="Z214" s="14"/>
      <c r="AA214" s="14"/>
      <c r="AB214" s="14"/>
    </row>
    <row r="215" spans="1:28" ht="29.1" customHeight="1">
      <c r="A215" s="14"/>
      <c r="B215" s="14"/>
      <c r="C215" s="14"/>
      <c r="D215" s="14"/>
      <c r="E215" s="14"/>
      <c r="F215" s="14"/>
      <c r="G215" s="14"/>
      <c r="H215" s="14"/>
      <c r="I215" s="14"/>
      <c r="J215" s="14"/>
      <c r="K215" s="14"/>
      <c r="L215" s="14"/>
      <c r="M215" s="14"/>
      <c r="N215" s="14"/>
      <c r="O215" s="14"/>
      <c r="P215" s="14"/>
      <c r="Q215" s="14"/>
      <c r="R215" s="14"/>
      <c r="S215" s="14"/>
      <c r="T215" s="14"/>
      <c r="U215" s="14"/>
      <c r="V215" s="14"/>
      <c r="W215" s="14"/>
      <c r="X215" s="14"/>
      <c r="Y215" s="14"/>
      <c r="Z215" s="14"/>
      <c r="AA215" s="14"/>
      <c r="AB215" s="14"/>
    </row>
    <row r="216" spans="1:28" ht="29.1" customHeight="1">
      <c r="A216" s="14"/>
      <c r="B216" s="14"/>
      <c r="C216" s="14"/>
      <c r="D216" s="14"/>
      <c r="E216" s="14"/>
      <c r="F216" s="14"/>
      <c r="G216" s="14"/>
      <c r="H216" s="14"/>
      <c r="I216" s="14"/>
      <c r="J216" s="14"/>
      <c r="K216" s="14"/>
      <c r="L216" s="14"/>
      <c r="M216" s="14"/>
      <c r="N216" s="14"/>
      <c r="O216" s="14"/>
      <c r="P216" s="14"/>
      <c r="Q216" s="14"/>
      <c r="R216" s="14"/>
      <c r="S216" s="14"/>
      <c r="T216" s="14"/>
      <c r="U216" s="14"/>
      <c r="V216" s="14"/>
      <c r="W216" s="14"/>
      <c r="X216" s="14"/>
      <c r="Y216" s="14"/>
      <c r="Z216" s="14"/>
      <c r="AA216" s="14"/>
      <c r="AB216" s="14"/>
    </row>
    <row r="217" spans="1:28" ht="29.1" customHeight="1">
      <c r="A217" s="14"/>
      <c r="B217" s="14"/>
      <c r="C217" s="14"/>
      <c r="D217" s="14"/>
      <c r="E217" s="14"/>
      <c r="F217" s="14"/>
      <c r="G217" s="14"/>
      <c r="H217" s="14"/>
      <c r="I217" s="14"/>
      <c r="J217" s="14"/>
      <c r="K217" s="14"/>
      <c r="L217" s="14"/>
      <c r="M217" s="14"/>
      <c r="N217" s="14"/>
      <c r="O217" s="14"/>
      <c r="P217" s="14"/>
      <c r="Q217" s="14"/>
      <c r="R217" s="14"/>
      <c r="S217" s="14"/>
      <c r="T217" s="14"/>
      <c r="U217" s="14"/>
      <c r="V217" s="14"/>
      <c r="W217" s="14"/>
      <c r="X217" s="14"/>
      <c r="Y217" s="14"/>
      <c r="Z217" s="14"/>
      <c r="AA217" s="14"/>
      <c r="AB217" s="14"/>
    </row>
    <row r="218" spans="1:28" ht="29.1" customHeight="1">
      <c r="A218" s="14"/>
      <c r="B218" s="14"/>
      <c r="C218" s="14"/>
      <c r="D218" s="14"/>
      <c r="E218" s="14"/>
      <c r="F218" s="14"/>
      <c r="G218" s="14"/>
      <c r="H218" s="14"/>
      <c r="I218" s="14"/>
      <c r="J218" s="14"/>
      <c r="K218" s="14"/>
      <c r="L218" s="14"/>
      <c r="M218" s="14"/>
      <c r="N218" s="14"/>
      <c r="O218" s="14"/>
      <c r="P218" s="14"/>
      <c r="Q218" s="14"/>
      <c r="R218" s="14"/>
      <c r="S218" s="14"/>
      <c r="T218" s="14"/>
      <c r="U218" s="14"/>
      <c r="V218" s="14"/>
      <c r="W218" s="14"/>
      <c r="X218" s="14"/>
      <c r="Y218" s="14"/>
      <c r="Z218" s="14"/>
      <c r="AA218" s="14"/>
      <c r="AB218" s="14"/>
    </row>
    <row r="219" spans="1:28" ht="29.1" customHeight="1">
      <c r="A219" s="14"/>
      <c r="B219" s="14"/>
      <c r="C219" s="14"/>
      <c r="D219" s="14"/>
      <c r="E219" s="14"/>
      <c r="F219" s="14"/>
      <c r="G219" s="14"/>
      <c r="H219" s="14"/>
      <c r="I219" s="14"/>
      <c r="J219" s="14"/>
      <c r="K219" s="14"/>
      <c r="L219" s="14"/>
      <c r="M219" s="14"/>
      <c r="N219" s="14"/>
      <c r="O219" s="14"/>
      <c r="P219" s="14"/>
      <c r="Q219" s="14"/>
      <c r="R219" s="14"/>
      <c r="S219" s="14"/>
      <c r="T219" s="14"/>
      <c r="U219" s="14"/>
      <c r="V219" s="14"/>
      <c r="W219" s="14"/>
      <c r="X219" s="14"/>
      <c r="Y219" s="14"/>
      <c r="Z219" s="14"/>
      <c r="AA219" s="14"/>
      <c r="AB219" s="14"/>
    </row>
    <row r="220" spans="1:28" ht="29.1" customHeight="1">
      <c r="A220" s="14"/>
      <c r="B220" s="14"/>
      <c r="C220" s="14"/>
      <c r="D220" s="14"/>
      <c r="E220" s="14"/>
      <c r="F220" s="14"/>
      <c r="G220" s="14"/>
      <c r="H220" s="14"/>
      <c r="I220" s="14"/>
      <c r="J220" s="14"/>
      <c r="K220" s="14"/>
      <c r="L220" s="14"/>
      <c r="M220" s="14"/>
      <c r="N220" s="14"/>
      <c r="O220" s="14"/>
      <c r="P220" s="14"/>
      <c r="Q220" s="14"/>
      <c r="R220" s="14"/>
      <c r="S220" s="14"/>
      <c r="T220" s="14"/>
      <c r="U220" s="14"/>
      <c r="V220" s="14"/>
      <c r="W220" s="14"/>
      <c r="X220" s="14"/>
      <c r="Y220" s="14"/>
      <c r="Z220" s="14"/>
      <c r="AA220" s="14"/>
      <c r="AB220" s="14"/>
    </row>
    <row r="221" spans="1:28" ht="29.1" customHeight="1">
      <c r="A221" s="14"/>
      <c r="B221" s="14"/>
      <c r="C221" s="14"/>
      <c r="D221" s="14"/>
      <c r="E221" s="14"/>
      <c r="F221" s="14"/>
      <c r="G221" s="14"/>
      <c r="H221" s="14"/>
      <c r="I221" s="14"/>
      <c r="J221" s="14"/>
      <c r="K221" s="14"/>
      <c r="L221" s="14"/>
      <c r="M221" s="14"/>
      <c r="N221" s="14"/>
      <c r="O221" s="14"/>
      <c r="P221" s="14"/>
      <c r="Q221" s="14"/>
      <c r="R221" s="14"/>
      <c r="S221" s="14"/>
      <c r="T221" s="14"/>
      <c r="U221" s="14"/>
      <c r="V221" s="14"/>
      <c r="W221" s="14"/>
      <c r="X221" s="14"/>
      <c r="Y221" s="14"/>
      <c r="Z221" s="14"/>
      <c r="AA221" s="14"/>
      <c r="AB221" s="14"/>
    </row>
    <row r="222" spans="1:28" ht="29.1" customHeight="1">
      <c r="A222" s="14"/>
      <c r="B222" s="14"/>
      <c r="C222" s="14"/>
      <c r="D222" s="14"/>
      <c r="E222" s="14"/>
      <c r="F222" s="14"/>
      <c r="G222" s="14"/>
      <c r="H222" s="14"/>
      <c r="I222" s="14"/>
      <c r="J222" s="14"/>
      <c r="K222" s="14"/>
      <c r="L222" s="14"/>
      <c r="M222" s="14"/>
      <c r="N222" s="14"/>
      <c r="O222" s="14"/>
      <c r="P222" s="14"/>
      <c r="Q222" s="14"/>
      <c r="R222" s="14"/>
      <c r="S222" s="14"/>
      <c r="T222" s="14"/>
      <c r="U222" s="14"/>
      <c r="V222" s="14"/>
      <c r="W222" s="14"/>
      <c r="X222" s="14"/>
      <c r="Y222" s="14"/>
      <c r="Z222" s="14"/>
      <c r="AA222" s="14"/>
      <c r="AB222" s="14"/>
    </row>
    <row r="223" spans="1:28" ht="29.1" customHeight="1">
      <c r="A223" s="14"/>
      <c r="B223" s="14"/>
      <c r="C223" s="14"/>
      <c r="D223" s="14"/>
      <c r="E223" s="14"/>
      <c r="F223" s="14"/>
      <c r="G223" s="14"/>
      <c r="H223" s="14"/>
      <c r="I223" s="14"/>
      <c r="J223" s="14"/>
      <c r="K223" s="14"/>
      <c r="L223" s="14"/>
      <c r="M223" s="14"/>
      <c r="N223" s="14"/>
      <c r="O223" s="14"/>
      <c r="P223" s="14"/>
      <c r="Q223" s="14"/>
      <c r="R223" s="14"/>
      <c r="S223" s="14"/>
      <c r="T223" s="14"/>
      <c r="U223" s="14"/>
      <c r="V223" s="14"/>
      <c r="W223" s="14"/>
      <c r="X223" s="14"/>
      <c r="Y223" s="14"/>
      <c r="Z223" s="14"/>
      <c r="AA223" s="14"/>
      <c r="AB223" s="14"/>
    </row>
    <row r="224" spans="1:28" ht="29.1" customHeight="1">
      <c r="A224" s="14"/>
      <c r="B224" s="14"/>
      <c r="C224" s="14"/>
      <c r="D224" s="14"/>
      <c r="E224" s="14"/>
      <c r="F224" s="14"/>
      <c r="G224" s="14"/>
      <c r="H224" s="14"/>
      <c r="I224" s="14"/>
      <c r="J224" s="14"/>
      <c r="K224" s="14"/>
      <c r="L224" s="14"/>
      <c r="M224" s="14"/>
      <c r="N224" s="14"/>
      <c r="O224" s="14"/>
      <c r="P224" s="14"/>
      <c r="Q224" s="14"/>
      <c r="R224" s="14"/>
      <c r="S224" s="14"/>
      <c r="T224" s="14"/>
      <c r="U224" s="14"/>
      <c r="V224" s="14"/>
      <c r="W224" s="14"/>
      <c r="X224" s="14"/>
      <c r="Y224" s="14"/>
      <c r="Z224" s="14"/>
      <c r="AA224" s="14"/>
      <c r="AB224" s="14"/>
    </row>
    <row r="225" spans="1:28" ht="29.1" customHeight="1">
      <c r="A225" s="14"/>
      <c r="B225" s="14"/>
      <c r="C225" s="14"/>
      <c r="D225" s="14"/>
      <c r="E225" s="14"/>
      <c r="F225" s="14"/>
      <c r="G225" s="14"/>
      <c r="H225" s="14"/>
      <c r="I225" s="14"/>
      <c r="J225" s="14"/>
      <c r="K225" s="14"/>
      <c r="L225" s="14"/>
      <c r="M225" s="14"/>
      <c r="N225" s="14"/>
      <c r="O225" s="14"/>
      <c r="P225" s="14"/>
      <c r="Q225" s="14"/>
      <c r="R225" s="14"/>
      <c r="S225" s="14"/>
      <c r="T225" s="14"/>
      <c r="U225" s="14"/>
      <c r="V225" s="14"/>
      <c r="W225" s="14"/>
      <c r="X225" s="14"/>
      <c r="Y225" s="14"/>
      <c r="Z225" s="14"/>
      <c r="AA225" s="14"/>
      <c r="AB225" s="14"/>
    </row>
    <row r="226" spans="1:28" ht="29.1" customHeight="1">
      <c r="A226" s="14"/>
      <c r="B226" s="14"/>
      <c r="C226" s="14"/>
      <c r="D226" s="14"/>
      <c r="E226" s="14"/>
      <c r="F226" s="14"/>
      <c r="G226" s="14"/>
      <c r="H226" s="14"/>
      <c r="I226" s="14"/>
      <c r="J226" s="14"/>
      <c r="K226" s="14"/>
      <c r="L226" s="14"/>
      <c r="M226" s="14"/>
      <c r="N226" s="14"/>
      <c r="O226" s="14"/>
      <c r="P226" s="14"/>
      <c r="Q226" s="14"/>
      <c r="R226" s="14"/>
      <c r="S226" s="14"/>
      <c r="T226" s="14"/>
      <c r="U226" s="14"/>
      <c r="V226" s="14"/>
      <c r="W226" s="14"/>
      <c r="X226" s="14"/>
      <c r="Y226" s="14"/>
      <c r="Z226" s="14"/>
      <c r="AA226" s="14"/>
      <c r="AB226" s="14"/>
    </row>
    <row r="227" spans="1:28" ht="29.1" customHeight="1">
      <c r="A227" s="14"/>
      <c r="B227" s="14"/>
      <c r="C227" s="14"/>
      <c r="D227" s="14"/>
      <c r="E227" s="14"/>
      <c r="F227" s="14"/>
      <c r="G227" s="14"/>
      <c r="H227" s="14"/>
      <c r="I227" s="14"/>
      <c r="J227" s="14"/>
      <c r="K227" s="14"/>
      <c r="L227" s="14"/>
      <c r="M227" s="14"/>
      <c r="N227" s="14"/>
      <c r="O227" s="14"/>
      <c r="P227" s="14"/>
      <c r="Q227" s="14"/>
      <c r="R227" s="14"/>
      <c r="S227" s="14"/>
      <c r="T227" s="14"/>
      <c r="U227" s="14"/>
      <c r="V227" s="14"/>
      <c r="W227" s="14"/>
      <c r="X227" s="14"/>
      <c r="Y227" s="14"/>
      <c r="Z227" s="14"/>
      <c r="AA227" s="14"/>
      <c r="AB227" s="14"/>
    </row>
    <row r="228" spans="1:28" ht="29.1" customHeight="1">
      <c r="A228" s="14"/>
      <c r="B228" s="14"/>
      <c r="C228" s="14"/>
      <c r="D228" s="14"/>
      <c r="E228" s="14"/>
      <c r="F228" s="14"/>
      <c r="G228" s="14"/>
      <c r="H228" s="14"/>
      <c r="I228" s="14"/>
      <c r="J228" s="14"/>
      <c r="K228" s="14"/>
      <c r="L228" s="14"/>
      <c r="M228" s="14"/>
      <c r="N228" s="14"/>
      <c r="O228" s="14"/>
      <c r="P228" s="14"/>
      <c r="Q228" s="14"/>
      <c r="R228" s="14"/>
      <c r="S228" s="14"/>
      <c r="T228" s="14"/>
      <c r="U228" s="14"/>
      <c r="V228" s="14"/>
      <c r="W228" s="14"/>
      <c r="X228" s="14"/>
      <c r="Y228" s="14"/>
      <c r="Z228" s="14"/>
      <c r="AA228" s="14"/>
      <c r="AB228" s="14"/>
    </row>
    <row r="229" spans="1:28" ht="29.1" customHeight="1">
      <c r="A229" s="14"/>
      <c r="B229" s="14"/>
      <c r="C229" s="14"/>
      <c r="D229" s="14"/>
      <c r="E229" s="14"/>
      <c r="F229" s="14"/>
      <c r="G229" s="14"/>
      <c r="H229" s="14"/>
      <c r="I229" s="14"/>
      <c r="J229" s="14"/>
      <c r="K229" s="14"/>
      <c r="L229" s="14"/>
      <c r="M229" s="14"/>
      <c r="N229" s="14"/>
      <c r="O229" s="14"/>
      <c r="P229" s="14"/>
      <c r="Q229" s="14"/>
      <c r="R229" s="14"/>
      <c r="S229" s="14"/>
      <c r="T229" s="14"/>
      <c r="U229" s="14"/>
      <c r="V229" s="14"/>
      <c r="W229" s="14"/>
      <c r="X229" s="14"/>
      <c r="Y229" s="14"/>
      <c r="Z229" s="14"/>
      <c r="AA229" s="14"/>
      <c r="AB229" s="14"/>
    </row>
    <row r="230" spans="1:28" ht="29.1" customHeight="1">
      <c r="A230" s="14"/>
      <c r="B230" s="14"/>
      <c r="C230" s="14"/>
      <c r="D230" s="14"/>
      <c r="E230" s="14"/>
      <c r="F230" s="14"/>
      <c r="G230" s="14"/>
      <c r="H230" s="14"/>
      <c r="I230" s="14"/>
      <c r="J230" s="14"/>
      <c r="K230" s="14"/>
      <c r="L230" s="14"/>
      <c r="M230" s="14"/>
      <c r="N230" s="14"/>
      <c r="O230" s="14"/>
      <c r="P230" s="14"/>
      <c r="Q230" s="14"/>
      <c r="R230" s="14"/>
      <c r="S230" s="14"/>
      <c r="T230" s="14"/>
      <c r="U230" s="14"/>
      <c r="V230" s="14"/>
      <c r="W230" s="14"/>
      <c r="X230" s="14"/>
      <c r="Y230" s="14"/>
      <c r="Z230" s="14"/>
      <c r="AA230" s="14"/>
      <c r="AB230" s="14"/>
    </row>
    <row r="231" spans="1:28" ht="29.1" customHeight="1">
      <c r="A231" s="14"/>
      <c r="B231" s="14"/>
      <c r="C231" s="14"/>
      <c r="D231" s="14"/>
      <c r="E231" s="14"/>
      <c r="F231" s="14"/>
      <c r="G231" s="14"/>
      <c r="H231" s="14"/>
      <c r="I231" s="14"/>
      <c r="J231" s="14"/>
      <c r="K231" s="14"/>
      <c r="L231" s="14"/>
      <c r="M231" s="14"/>
      <c r="N231" s="14"/>
      <c r="O231" s="14"/>
      <c r="P231" s="14"/>
      <c r="Q231" s="14"/>
      <c r="R231" s="14"/>
      <c r="S231" s="14"/>
      <c r="T231" s="14"/>
      <c r="U231" s="14"/>
      <c r="V231" s="14"/>
      <c r="W231" s="14"/>
      <c r="X231" s="14"/>
      <c r="Y231" s="14"/>
      <c r="Z231" s="14"/>
      <c r="AA231" s="14"/>
      <c r="AB231" s="14"/>
    </row>
    <row r="232" spans="1:28" ht="29.1" customHeight="1">
      <c r="A232" s="14"/>
      <c r="B232" s="14"/>
      <c r="C232" s="14"/>
      <c r="D232" s="14"/>
      <c r="E232" s="14"/>
      <c r="F232" s="14"/>
      <c r="G232" s="14"/>
      <c r="H232" s="14"/>
      <c r="I232" s="14"/>
      <c r="J232" s="14"/>
      <c r="K232" s="14"/>
      <c r="L232" s="14"/>
      <c r="M232" s="14"/>
      <c r="N232" s="14"/>
      <c r="O232" s="14"/>
      <c r="P232" s="14"/>
      <c r="Q232" s="14"/>
      <c r="R232" s="14"/>
      <c r="S232" s="14"/>
      <c r="T232" s="14"/>
      <c r="U232" s="14"/>
      <c r="V232" s="14"/>
      <c r="W232" s="14"/>
      <c r="X232" s="14"/>
      <c r="Y232" s="14"/>
      <c r="Z232" s="14"/>
      <c r="AA232" s="14"/>
      <c r="AB232" s="14"/>
    </row>
    <row r="233" spans="1:28" ht="29.1" customHeight="1">
      <c r="A233" s="14"/>
      <c r="B233" s="14"/>
      <c r="C233" s="14"/>
      <c r="D233" s="14"/>
      <c r="E233" s="14"/>
      <c r="F233" s="14"/>
      <c r="G233" s="14"/>
      <c r="H233" s="14"/>
      <c r="I233" s="14"/>
      <c r="J233" s="14"/>
      <c r="K233" s="14"/>
      <c r="L233" s="14"/>
      <c r="M233" s="14"/>
      <c r="N233" s="14"/>
      <c r="O233" s="14"/>
      <c r="P233" s="14"/>
      <c r="Q233" s="14"/>
      <c r="R233" s="14"/>
      <c r="S233" s="14"/>
      <c r="T233" s="14"/>
      <c r="U233" s="14"/>
      <c r="V233" s="14"/>
      <c r="W233" s="14"/>
      <c r="X233" s="14"/>
      <c r="Y233" s="14"/>
      <c r="Z233" s="14"/>
      <c r="AA233" s="14"/>
      <c r="AB233" s="14"/>
    </row>
    <row r="234" spans="1:28" ht="29.1" customHeight="1">
      <c r="A234" s="14"/>
      <c r="B234" s="14"/>
      <c r="C234" s="14"/>
      <c r="D234" s="14"/>
      <c r="E234" s="14"/>
      <c r="F234" s="14"/>
      <c r="G234" s="14"/>
      <c r="H234" s="14"/>
      <c r="I234" s="14"/>
      <c r="J234" s="14"/>
      <c r="K234" s="14"/>
      <c r="L234" s="14"/>
      <c r="M234" s="14"/>
      <c r="N234" s="14"/>
      <c r="O234" s="14"/>
      <c r="P234" s="14"/>
      <c r="Q234" s="14"/>
      <c r="R234" s="14"/>
      <c r="S234" s="14"/>
      <c r="T234" s="14"/>
      <c r="U234" s="14"/>
      <c r="V234" s="14"/>
      <c r="W234" s="14"/>
      <c r="X234" s="14"/>
      <c r="Y234" s="14"/>
      <c r="Z234" s="14"/>
      <c r="AA234" s="14"/>
      <c r="AB234" s="14"/>
    </row>
    <row r="235" spans="1:28" ht="29.1" customHeight="1">
      <c r="A235" s="14"/>
      <c r="B235" s="14"/>
      <c r="C235" s="14"/>
      <c r="D235" s="14"/>
      <c r="E235" s="14"/>
      <c r="F235" s="14"/>
      <c r="G235" s="14"/>
      <c r="H235" s="14"/>
      <c r="I235" s="14"/>
      <c r="J235" s="14"/>
      <c r="K235" s="14"/>
      <c r="L235" s="14"/>
      <c r="M235" s="14"/>
      <c r="N235" s="14"/>
      <c r="O235" s="14"/>
      <c r="P235" s="14"/>
      <c r="Q235" s="14"/>
      <c r="R235" s="14"/>
      <c r="S235" s="14"/>
      <c r="T235" s="14"/>
      <c r="U235" s="14"/>
      <c r="V235" s="14"/>
      <c r="W235" s="14"/>
      <c r="X235" s="14"/>
      <c r="Y235" s="14"/>
      <c r="Z235" s="14"/>
      <c r="AA235" s="14"/>
      <c r="AB235" s="14"/>
    </row>
    <row r="236" spans="1:28" ht="29.1" customHeight="1">
      <c r="A236" s="14"/>
      <c r="B236" s="14"/>
      <c r="C236" s="14"/>
      <c r="D236" s="14"/>
      <c r="E236" s="14"/>
      <c r="F236" s="14"/>
      <c r="G236" s="14"/>
      <c r="H236" s="14"/>
      <c r="I236" s="14"/>
      <c r="J236" s="14"/>
      <c r="K236" s="14"/>
      <c r="L236" s="14"/>
      <c r="M236" s="14"/>
      <c r="N236" s="14"/>
      <c r="O236" s="14"/>
      <c r="P236" s="14"/>
      <c r="Q236" s="14"/>
      <c r="R236" s="14"/>
      <c r="S236" s="14"/>
      <c r="T236" s="14"/>
      <c r="U236" s="14"/>
      <c r="V236" s="14"/>
      <c r="W236" s="14"/>
      <c r="X236" s="14"/>
      <c r="Y236" s="14"/>
      <c r="Z236" s="14"/>
      <c r="AA236" s="14"/>
      <c r="AB236" s="14"/>
    </row>
    <row r="237" spans="1:28" ht="29.1" customHeight="1">
      <c r="A237" s="14"/>
      <c r="B237" s="14"/>
      <c r="C237" s="14"/>
      <c r="D237" s="14"/>
      <c r="E237" s="14"/>
      <c r="F237" s="14"/>
      <c r="G237" s="14"/>
      <c r="H237" s="14"/>
      <c r="I237" s="14"/>
      <c r="J237" s="14"/>
      <c r="K237" s="14"/>
      <c r="L237" s="14"/>
      <c r="M237" s="14"/>
      <c r="N237" s="14"/>
      <c r="O237" s="14"/>
      <c r="P237" s="14"/>
      <c r="Q237" s="14"/>
      <c r="R237" s="14"/>
      <c r="S237" s="14"/>
      <c r="T237" s="14"/>
      <c r="U237" s="14"/>
      <c r="V237" s="14"/>
      <c r="W237" s="14"/>
      <c r="X237" s="14"/>
      <c r="Y237" s="14"/>
      <c r="Z237" s="14"/>
      <c r="AA237" s="14"/>
      <c r="AB237" s="14"/>
    </row>
    <row r="238" spans="1:28" ht="29.1" customHeight="1">
      <c r="A238" s="14"/>
      <c r="B238" s="14"/>
      <c r="C238" s="14"/>
      <c r="D238" s="14"/>
      <c r="E238" s="14"/>
      <c r="F238" s="14"/>
      <c r="G238" s="14"/>
      <c r="H238" s="14"/>
      <c r="I238" s="14"/>
      <c r="J238" s="14"/>
      <c r="K238" s="14"/>
      <c r="L238" s="14"/>
      <c r="M238" s="14"/>
      <c r="N238" s="14"/>
      <c r="O238" s="14"/>
      <c r="P238" s="14"/>
      <c r="Q238" s="14"/>
      <c r="R238" s="14"/>
      <c r="S238" s="14"/>
      <c r="T238" s="14"/>
      <c r="U238" s="14"/>
      <c r="V238" s="14"/>
      <c r="W238" s="14"/>
      <c r="X238" s="14"/>
      <c r="Y238" s="14"/>
      <c r="Z238" s="14"/>
      <c r="AA238" s="14"/>
      <c r="AB238" s="14"/>
    </row>
    <row r="239" spans="1:28" ht="29.1" customHeight="1">
      <c r="A239" s="14"/>
      <c r="B239" s="14"/>
      <c r="C239" s="14"/>
      <c r="D239" s="14"/>
      <c r="E239" s="14"/>
      <c r="F239" s="14"/>
      <c r="G239" s="14"/>
      <c r="H239" s="14"/>
      <c r="I239" s="14"/>
      <c r="J239" s="14"/>
      <c r="K239" s="14"/>
      <c r="L239" s="14"/>
      <c r="M239" s="14"/>
      <c r="N239" s="14"/>
      <c r="O239" s="14"/>
      <c r="P239" s="14"/>
      <c r="Q239" s="14"/>
      <c r="R239" s="14"/>
      <c r="S239" s="14"/>
      <c r="T239" s="14"/>
      <c r="U239" s="14"/>
      <c r="V239" s="14"/>
      <c r="W239" s="14"/>
      <c r="X239" s="14"/>
      <c r="Y239" s="14"/>
      <c r="Z239" s="14"/>
      <c r="AA239" s="14"/>
      <c r="AB239" s="14"/>
    </row>
    <row r="240" spans="1:28" ht="29.1" customHeight="1">
      <c r="A240" s="14"/>
      <c r="B240" s="14"/>
      <c r="C240" s="14"/>
      <c r="D240" s="14"/>
      <c r="E240" s="14"/>
      <c r="F240" s="14"/>
      <c r="G240" s="14"/>
      <c r="H240" s="14"/>
      <c r="I240" s="14"/>
      <c r="J240" s="14"/>
      <c r="K240" s="14"/>
      <c r="L240" s="14"/>
      <c r="M240" s="14"/>
      <c r="N240" s="14"/>
      <c r="O240" s="14"/>
      <c r="P240" s="14"/>
      <c r="Q240" s="14"/>
      <c r="R240" s="14"/>
      <c r="S240" s="14"/>
      <c r="T240" s="14"/>
      <c r="U240" s="14"/>
      <c r="V240" s="14"/>
      <c r="W240" s="14"/>
      <c r="X240" s="14"/>
      <c r="Y240" s="14"/>
      <c r="Z240" s="14"/>
      <c r="AA240" s="14"/>
      <c r="AB240" s="14"/>
    </row>
    <row r="241" spans="1:28" ht="29.1" customHeight="1">
      <c r="A241" s="14"/>
      <c r="B241" s="14"/>
      <c r="C241" s="14"/>
      <c r="D241" s="14"/>
      <c r="E241" s="14"/>
      <c r="F241" s="14"/>
      <c r="G241" s="14"/>
      <c r="H241" s="14"/>
      <c r="I241" s="14"/>
      <c r="J241" s="14"/>
      <c r="K241" s="14"/>
      <c r="L241" s="14"/>
      <c r="M241" s="14"/>
      <c r="N241" s="14"/>
      <c r="O241" s="14"/>
      <c r="P241" s="14"/>
      <c r="Q241" s="14"/>
      <c r="R241" s="14"/>
      <c r="S241" s="14"/>
      <c r="T241" s="14"/>
      <c r="U241" s="14"/>
      <c r="V241" s="14"/>
      <c r="W241" s="14"/>
      <c r="X241" s="14"/>
      <c r="Y241" s="14"/>
      <c r="Z241" s="14"/>
      <c r="AA241" s="14"/>
      <c r="AB241" s="14"/>
    </row>
    <row r="242" spans="1:28" ht="29.1" customHeight="1">
      <c r="A242" s="14"/>
      <c r="B242" s="14"/>
      <c r="C242" s="14"/>
      <c r="D242" s="14"/>
      <c r="E242" s="14"/>
      <c r="F242" s="14"/>
      <c r="G242" s="14"/>
      <c r="H242" s="14"/>
      <c r="I242" s="14"/>
      <c r="J242" s="14"/>
      <c r="K242" s="14"/>
      <c r="L242" s="14"/>
      <c r="M242" s="14"/>
      <c r="N242" s="14"/>
      <c r="O242" s="14"/>
      <c r="P242" s="14"/>
      <c r="Q242" s="14"/>
      <c r="R242" s="14"/>
      <c r="S242" s="14"/>
      <c r="T242" s="14"/>
      <c r="U242" s="14"/>
      <c r="V242" s="14"/>
      <c r="W242" s="14"/>
      <c r="X242" s="14"/>
      <c r="Y242" s="14"/>
      <c r="Z242" s="14"/>
      <c r="AA242" s="14"/>
      <c r="AB242" s="14"/>
    </row>
    <row r="243" spans="1:28" ht="29.1" customHeight="1">
      <c r="A243" s="14"/>
      <c r="B243" s="14"/>
      <c r="C243" s="14"/>
      <c r="D243" s="14"/>
      <c r="E243" s="14"/>
      <c r="F243" s="14"/>
      <c r="G243" s="14"/>
      <c r="H243" s="14"/>
      <c r="I243" s="14"/>
      <c r="J243" s="14"/>
      <c r="K243" s="14"/>
      <c r="L243" s="14"/>
      <c r="M243" s="14"/>
      <c r="N243" s="14"/>
      <c r="O243" s="14"/>
      <c r="P243" s="14"/>
      <c r="Q243" s="14"/>
      <c r="R243" s="14"/>
      <c r="S243" s="14"/>
      <c r="T243" s="14"/>
      <c r="U243" s="14"/>
      <c r="V243" s="14"/>
      <c r="W243" s="14"/>
      <c r="X243" s="14"/>
      <c r="Y243" s="14"/>
      <c r="Z243" s="14"/>
      <c r="AA243" s="14"/>
      <c r="AB243" s="14"/>
    </row>
  </sheetData>
  <mergeCells count="292">
    <mergeCell ref="A1:Y1"/>
    <mergeCell ref="A3:B4"/>
    <mergeCell ref="C3:F4"/>
    <mergeCell ref="G3:I4"/>
    <mergeCell ref="J3:L4"/>
    <mergeCell ref="M3:P4"/>
    <mergeCell ref="Q3:S4"/>
    <mergeCell ref="T3:W4"/>
    <mergeCell ref="X3:Y4"/>
    <mergeCell ref="X5:Y5"/>
    <mergeCell ref="C6:D6"/>
    <mergeCell ref="E6:F6"/>
    <mergeCell ref="G6:I6"/>
    <mergeCell ref="J6:L6"/>
    <mergeCell ref="N6:P6"/>
    <mergeCell ref="Q6:S6"/>
    <mergeCell ref="U6:W6"/>
    <mergeCell ref="C5:F5"/>
    <mergeCell ref="G5:I5"/>
    <mergeCell ref="J5:L5"/>
    <mergeCell ref="M5:P5"/>
    <mergeCell ref="Q5:S5"/>
    <mergeCell ref="T5:W5"/>
    <mergeCell ref="U7:W7"/>
    <mergeCell ref="C8:D8"/>
    <mergeCell ref="E8:F8"/>
    <mergeCell ref="G8:I8"/>
    <mergeCell ref="J8:L8"/>
    <mergeCell ref="N8:P8"/>
    <mergeCell ref="Q8:S8"/>
    <mergeCell ref="U8:W8"/>
    <mergeCell ref="C7:D7"/>
    <mergeCell ref="E7:F7"/>
    <mergeCell ref="G7:I7"/>
    <mergeCell ref="J7:L7"/>
    <mergeCell ref="N7:P7"/>
    <mergeCell ref="Q7:S7"/>
    <mergeCell ref="U9:W9"/>
    <mergeCell ref="C10:D10"/>
    <mergeCell ref="E10:F10"/>
    <mergeCell ref="G10:I10"/>
    <mergeCell ref="J10:L10"/>
    <mergeCell ref="N10:P10"/>
    <mergeCell ref="Q10:S10"/>
    <mergeCell ref="U10:W10"/>
    <mergeCell ref="C9:D9"/>
    <mergeCell ref="E9:F9"/>
    <mergeCell ref="G9:I9"/>
    <mergeCell ref="J9:L9"/>
    <mergeCell ref="N9:P9"/>
    <mergeCell ref="Q9:S9"/>
    <mergeCell ref="U11:W11"/>
    <mergeCell ref="C12:D12"/>
    <mergeCell ref="E12:F12"/>
    <mergeCell ref="G12:I12"/>
    <mergeCell ref="J12:L12"/>
    <mergeCell ref="N12:P12"/>
    <mergeCell ref="Q12:S12"/>
    <mergeCell ref="U12:W12"/>
    <mergeCell ref="C11:D11"/>
    <mergeCell ref="E11:F11"/>
    <mergeCell ref="G11:I11"/>
    <mergeCell ref="J11:L11"/>
    <mergeCell ref="N11:P11"/>
    <mergeCell ref="Q11:S11"/>
    <mergeCell ref="U13:W13"/>
    <mergeCell ref="C14:D14"/>
    <mergeCell ref="E14:F14"/>
    <mergeCell ref="G14:I14"/>
    <mergeCell ref="J14:L14"/>
    <mergeCell ref="N14:P14"/>
    <mergeCell ref="Q14:S14"/>
    <mergeCell ref="U14:W14"/>
    <mergeCell ref="C13:D13"/>
    <mergeCell ref="E13:F13"/>
    <mergeCell ref="G13:I13"/>
    <mergeCell ref="J13:L13"/>
    <mergeCell ref="N13:P13"/>
    <mergeCell ref="Q13:S13"/>
    <mergeCell ref="U15:W15"/>
    <mergeCell ref="C16:D16"/>
    <mergeCell ref="E16:F16"/>
    <mergeCell ref="G16:I16"/>
    <mergeCell ref="J16:L16"/>
    <mergeCell ref="N16:P16"/>
    <mergeCell ref="Q16:S16"/>
    <mergeCell ref="U16:W16"/>
    <mergeCell ref="C15:D15"/>
    <mergeCell ref="E15:F15"/>
    <mergeCell ref="G15:I15"/>
    <mergeCell ref="J15:L15"/>
    <mergeCell ref="N15:P15"/>
    <mergeCell ref="Q15:S15"/>
    <mergeCell ref="U17:W17"/>
    <mergeCell ref="C18:D18"/>
    <mergeCell ref="E18:F18"/>
    <mergeCell ref="G18:I18"/>
    <mergeCell ref="J18:L18"/>
    <mergeCell ref="N18:P18"/>
    <mergeCell ref="Q18:S18"/>
    <mergeCell ref="U18:W18"/>
    <mergeCell ref="C17:D17"/>
    <mergeCell ref="E17:F17"/>
    <mergeCell ref="G17:I17"/>
    <mergeCell ref="J17:L17"/>
    <mergeCell ref="N17:P17"/>
    <mergeCell ref="Q17:S17"/>
    <mergeCell ref="U19:W19"/>
    <mergeCell ref="C20:D20"/>
    <mergeCell ref="E20:F20"/>
    <mergeCell ref="G20:I20"/>
    <mergeCell ref="J20:L20"/>
    <mergeCell ref="N20:P20"/>
    <mergeCell ref="Q20:S20"/>
    <mergeCell ref="U20:W20"/>
    <mergeCell ref="C19:D19"/>
    <mergeCell ref="E19:F19"/>
    <mergeCell ref="G19:I19"/>
    <mergeCell ref="J19:L19"/>
    <mergeCell ref="N19:P19"/>
    <mergeCell ref="Q19:S19"/>
    <mergeCell ref="A23:F23"/>
    <mergeCell ref="G23:I23"/>
    <mergeCell ref="J23:L23"/>
    <mergeCell ref="N23:P23"/>
    <mergeCell ref="Q23:S23"/>
    <mergeCell ref="U23:W23"/>
    <mergeCell ref="U21:W21"/>
    <mergeCell ref="C22:D22"/>
    <mergeCell ref="E22:F22"/>
    <mergeCell ref="G22:I22"/>
    <mergeCell ref="J22:L22"/>
    <mergeCell ref="N22:P22"/>
    <mergeCell ref="Q22:S22"/>
    <mergeCell ref="U22:W22"/>
    <mergeCell ref="C21:D21"/>
    <mergeCell ref="E21:F21"/>
    <mergeCell ref="G21:I21"/>
    <mergeCell ref="J21:L21"/>
    <mergeCell ref="N21:P21"/>
    <mergeCell ref="Q21:S21"/>
    <mergeCell ref="V26:Y27"/>
    <mergeCell ref="B28:C28"/>
    <mergeCell ref="D28:E28"/>
    <mergeCell ref="F28:G28"/>
    <mergeCell ref="I28:J28"/>
    <mergeCell ref="L28:N28"/>
    <mergeCell ref="P28:Q28"/>
    <mergeCell ref="S28:U28"/>
    <mergeCell ref="W28:Y28"/>
    <mergeCell ref="A26:C27"/>
    <mergeCell ref="D26:G27"/>
    <mergeCell ref="H26:J27"/>
    <mergeCell ref="K26:N27"/>
    <mergeCell ref="O26:Q27"/>
    <mergeCell ref="R26:U27"/>
    <mergeCell ref="S29:U29"/>
    <mergeCell ref="W29:Y29"/>
    <mergeCell ref="B30:C30"/>
    <mergeCell ref="D30:E30"/>
    <mergeCell ref="F30:G30"/>
    <mergeCell ref="I30:J30"/>
    <mergeCell ref="L30:N30"/>
    <mergeCell ref="P30:Q30"/>
    <mergeCell ref="S30:U30"/>
    <mergeCell ref="W30:Y30"/>
    <mergeCell ref="B29:C29"/>
    <mergeCell ref="D29:E29"/>
    <mergeCell ref="F29:G29"/>
    <mergeCell ref="I29:J29"/>
    <mergeCell ref="L29:N29"/>
    <mergeCell ref="P29:Q29"/>
    <mergeCell ref="S31:U31"/>
    <mergeCell ref="W31:Y31"/>
    <mergeCell ref="B32:C32"/>
    <mergeCell ref="D32:E32"/>
    <mergeCell ref="F32:G32"/>
    <mergeCell ref="I32:J32"/>
    <mergeCell ref="L32:N32"/>
    <mergeCell ref="P32:Q32"/>
    <mergeCell ref="S32:U32"/>
    <mergeCell ref="W32:Y32"/>
    <mergeCell ref="B31:C31"/>
    <mergeCell ref="D31:E31"/>
    <mergeCell ref="F31:G31"/>
    <mergeCell ref="I31:J31"/>
    <mergeCell ref="L31:N31"/>
    <mergeCell ref="P31:Q31"/>
    <mergeCell ref="S33:U33"/>
    <mergeCell ref="W33:Y33"/>
    <mergeCell ref="B34:C34"/>
    <mergeCell ref="D34:E34"/>
    <mergeCell ref="F34:G34"/>
    <mergeCell ref="I34:J34"/>
    <mergeCell ref="L34:N34"/>
    <mergeCell ref="P34:Q34"/>
    <mergeCell ref="S34:U34"/>
    <mergeCell ref="W34:Y34"/>
    <mergeCell ref="B33:C33"/>
    <mergeCell ref="D33:E33"/>
    <mergeCell ref="F33:G33"/>
    <mergeCell ref="I33:J33"/>
    <mergeCell ref="L33:N33"/>
    <mergeCell ref="P33:Q33"/>
    <mergeCell ref="S35:U35"/>
    <mergeCell ref="W35:Y35"/>
    <mergeCell ref="B36:C36"/>
    <mergeCell ref="D36:E36"/>
    <mergeCell ref="F36:G36"/>
    <mergeCell ref="I36:J36"/>
    <mergeCell ref="L36:N36"/>
    <mergeCell ref="P36:Q36"/>
    <mergeCell ref="S36:U36"/>
    <mergeCell ref="W36:Y36"/>
    <mergeCell ref="B35:C35"/>
    <mergeCell ref="D35:E35"/>
    <mergeCell ref="F35:G35"/>
    <mergeCell ref="I35:J35"/>
    <mergeCell ref="L35:N35"/>
    <mergeCell ref="P35:Q35"/>
    <mergeCell ref="S37:U37"/>
    <mergeCell ref="W37:Y37"/>
    <mergeCell ref="B38:C38"/>
    <mergeCell ref="D38:E38"/>
    <mergeCell ref="F38:G38"/>
    <mergeCell ref="I38:J38"/>
    <mergeCell ref="L38:N38"/>
    <mergeCell ref="P38:Q38"/>
    <mergeCell ref="S38:U38"/>
    <mergeCell ref="W38:Y38"/>
    <mergeCell ref="B37:C37"/>
    <mergeCell ref="D37:E37"/>
    <mergeCell ref="F37:G37"/>
    <mergeCell ref="I37:J37"/>
    <mergeCell ref="L37:N37"/>
    <mergeCell ref="P37:Q37"/>
    <mergeCell ref="S39:U39"/>
    <mergeCell ref="W39:Y39"/>
    <mergeCell ref="B40:C40"/>
    <mergeCell ref="D40:E40"/>
    <mergeCell ref="F40:G40"/>
    <mergeCell ref="I40:J40"/>
    <mergeCell ref="L40:N40"/>
    <mergeCell ref="P40:Q40"/>
    <mergeCell ref="S40:U40"/>
    <mergeCell ref="W40:Y40"/>
    <mergeCell ref="B39:C39"/>
    <mergeCell ref="D39:E39"/>
    <mergeCell ref="F39:G39"/>
    <mergeCell ref="I39:J39"/>
    <mergeCell ref="L39:N39"/>
    <mergeCell ref="P39:Q39"/>
    <mergeCell ref="S41:U41"/>
    <mergeCell ref="W41:Y41"/>
    <mergeCell ref="B42:C42"/>
    <mergeCell ref="D42:E42"/>
    <mergeCell ref="F42:G42"/>
    <mergeCell ref="I42:J42"/>
    <mergeCell ref="L42:N42"/>
    <mergeCell ref="P42:Q42"/>
    <mergeCell ref="S42:U42"/>
    <mergeCell ref="W42:Y42"/>
    <mergeCell ref="B41:C41"/>
    <mergeCell ref="D41:E41"/>
    <mergeCell ref="F41:G41"/>
    <mergeCell ref="I41:J41"/>
    <mergeCell ref="L41:N41"/>
    <mergeCell ref="P41:Q41"/>
    <mergeCell ref="F47:K47"/>
    <mergeCell ref="F48:K48"/>
    <mergeCell ref="A45:G45"/>
    <mergeCell ref="I45:J45"/>
    <mergeCell ref="L45:N45"/>
    <mergeCell ref="P45:Q45"/>
    <mergeCell ref="S45:U45"/>
    <mergeCell ref="W45:Y45"/>
    <mergeCell ref="S43:U43"/>
    <mergeCell ref="W43:Y43"/>
    <mergeCell ref="B44:C44"/>
    <mergeCell ref="D44:E44"/>
    <mergeCell ref="F44:G44"/>
    <mergeCell ref="I44:J44"/>
    <mergeCell ref="L44:N44"/>
    <mergeCell ref="P44:Q44"/>
    <mergeCell ref="S44:U44"/>
    <mergeCell ref="W44:Y44"/>
    <mergeCell ref="B43:C43"/>
    <mergeCell ref="D43:E43"/>
    <mergeCell ref="F43:G43"/>
    <mergeCell ref="I43:J43"/>
    <mergeCell ref="L43:N43"/>
    <mergeCell ref="P43:Q43"/>
  </mergeCells>
  <phoneticPr fontId="2"/>
  <pageMargins left="0.39370078740157483" right="0.39370078740157483" top="0.59055118110236227" bottom="0.39370078740157483" header="0.19685039370078741" footer="0.19685039370078741"/>
  <pageSetup paperSize="9" scale="99" firstPageNumber="16" pageOrder="overThenDown" orientation="portrait" useFirstPageNumber="1"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7</vt:i4>
      </vt:variant>
      <vt:variant>
        <vt:lpstr>名前付き一覧</vt:lpstr>
      </vt:variant>
      <vt:variant>
        <vt:i4>17</vt:i4>
      </vt:variant>
    </vt:vector>
  </HeadingPairs>
  <TitlesOfParts>
    <vt:vector size="34" baseType="lpstr">
      <vt:lpstr>市町村自治振興事業会計</vt:lpstr>
      <vt:lpstr>公債管理特別会計</vt:lpstr>
      <vt:lpstr>公営競技収益配分金等管理会計</vt:lpstr>
      <vt:lpstr>地方消費税清算会計</vt:lpstr>
      <vt:lpstr>災害救助基金会計</vt:lpstr>
      <vt:lpstr>農業改良資金会計</vt:lpstr>
      <vt:lpstr>恩賜記念林業振興資金会計</vt:lpstr>
      <vt:lpstr>林業改善資金会計</vt:lpstr>
      <vt:lpstr>水源環境保全・再生事業会計</vt:lpstr>
      <vt:lpstr>沿岸漁業改善資金会計</vt:lpstr>
      <vt:lpstr>介護保険財政安定化基金会計</vt:lpstr>
      <vt:lpstr>母子父子寡婦福祉資金会計</vt:lpstr>
      <vt:lpstr>国民健康保険事業会計</vt:lpstr>
      <vt:lpstr>神奈川県立病院機構資金会計</vt:lpstr>
      <vt:lpstr>中小企業資金会計</vt:lpstr>
      <vt:lpstr>流域下水道事業会計</vt:lpstr>
      <vt:lpstr>県営住宅管理事業会計</vt:lpstr>
      <vt:lpstr>沿岸漁業改善資金会計!Print_Area</vt:lpstr>
      <vt:lpstr>恩賜記念林業振興資金会計!Print_Area</vt:lpstr>
      <vt:lpstr>介護保険財政安定化基金会計!Print_Area</vt:lpstr>
      <vt:lpstr>県営住宅管理事業会計!Print_Area</vt:lpstr>
      <vt:lpstr>公営競技収益配分金等管理会計!Print_Area</vt:lpstr>
      <vt:lpstr>公債管理特別会計!Print_Area</vt:lpstr>
      <vt:lpstr>国民健康保険事業会計!Print_Area</vt:lpstr>
      <vt:lpstr>災害救助基金会計!Print_Area</vt:lpstr>
      <vt:lpstr>市町村自治振興事業会計!Print_Area</vt:lpstr>
      <vt:lpstr>神奈川県立病院機構資金会計!Print_Area</vt:lpstr>
      <vt:lpstr>水源環境保全・再生事業会計!Print_Area</vt:lpstr>
      <vt:lpstr>地方消費税清算会計!Print_Area</vt:lpstr>
      <vt:lpstr>中小企業資金会計!Print_Area</vt:lpstr>
      <vt:lpstr>農業改良資金会計!Print_Area</vt:lpstr>
      <vt:lpstr>母子父子寡婦福祉資金会計!Print_Area</vt:lpstr>
      <vt:lpstr>流域下水道事業会計!Print_Area</vt:lpstr>
      <vt:lpstr>林業改善資金会計!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user</cp:lastModifiedBy>
  <cp:lastPrinted>2021-11-24T23:38:04Z</cp:lastPrinted>
  <dcterms:created xsi:type="dcterms:W3CDTF">2020-01-30T01:05:05Z</dcterms:created>
  <dcterms:modified xsi:type="dcterms:W3CDTF">2021-11-26T00:22:21Z</dcterms:modified>
</cp:coreProperties>
</file>